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609"/>
  <workbookPr defaultThemeVersion="166925"/>
  <mc:AlternateContent xmlns:mc="http://schemas.openxmlformats.org/markup-compatibility/2006">
    <mc:Choice Requires="x15">
      <x15ac:absPath xmlns:x15ac="http://schemas.microsoft.com/office/spreadsheetml/2010/11/ac" url="https://sap-my.sharepoint.com/personal/jayananda_a_kotri_sap_com/Documents/Onboarding_Communication/"/>
    </mc:Choice>
  </mc:AlternateContent>
  <xr:revisionPtr revIDLastSave="0" documentId="8_{A3F5D5A9-851A-41C8-9B3A-391766DEE756}" xr6:coauthVersionLast="45" xr6:coauthVersionMax="45" xr10:uidLastSave="{00000000-0000-0000-0000-000000000000}"/>
  <bookViews>
    <workbookView xWindow="-110" yWindow="-110" windowWidth="25820" windowHeight="14020" firstSheet="30" activeTab="30" xr2:uid="{D191EDE9-035A-496B-8908-725D0173D62B}"/>
  </bookViews>
  <sheets>
    <sheet name="Federal W4 2019" sheetId="11" r:id="rId1"/>
    <sheet name="Federal W4 2020" sheetId="33" r:id="rId2"/>
    <sheet name="Federal W4 2019 vs 2020" sheetId="32" r:id="rId3"/>
    <sheet name="Arkansas" sheetId="20" r:id="rId4"/>
    <sheet name="Arizona A4" sheetId="9" r:id="rId5"/>
    <sheet name="Arizona WEC" sheetId="10" r:id="rId6"/>
    <sheet name="California" sheetId="25" r:id="rId7"/>
    <sheet name="Connecticut" sheetId="6" r:id="rId8"/>
    <sheet name="Georgia" sheetId="21" r:id="rId9"/>
    <sheet name="Hawaii" sheetId="13" r:id="rId10"/>
    <sheet name="Idaho" sheetId="26" r:id="rId11"/>
    <sheet name="Indiana" sheetId="4" r:id="rId12"/>
    <sheet name="Iowa" sheetId="16" r:id="rId13"/>
    <sheet name="Kansas" sheetId="2" r:id="rId14"/>
    <sheet name="Kentucky" sheetId="12" r:id="rId15"/>
    <sheet name="Maine" sheetId="1" r:id="rId16"/>
    <sheet name="Maryland MW 507" sheetId="22" r:id="rId17"/>
    <sheet name="Maryland MW 507M" sheetId="23" r:id="rId18"/>
    <sheet name="Minnesota" sheetId="19" r:id="rId19"/>
    <sheet name="Mississippi" sheetId="14" r:id="rId20"/>
    <sheet name="Missouri" sheetId="15" r:id="rId21"/>
    <sheet name="Montana" sheetId="17" r:id="rId22"/>
    <sheet name="Nebraska" sheetId="34" r:id="rId23"/>
    <sheet name="New York IT-2104" sheetId="7" r:id="rId24"/>
    <sheet name="New York IT-2104-E" sheetId="5" r:id="rId25"/>
    <sheet name="New York IT-2104.1" sheetId="8" r:id="rId26"/>
    <sheet name="North Carolina" sheetId="28" r:id="rId27"/>
    <sheet name="North Carolina EZ" sheetId="29" r:id="rId28"/>
    <sheet name="Oklahoma OW 9 MSE" sheetId="24" r:id="rId29"/>
    <sheet name="Oregon" sheetId="18" r:id="rId30"/>
    <sheet name="South Carolina" sheetId="35" r:id="rId31"/>
    <sheet name="Vermont" sheetId="27" r:id="rId32"/>
    <sheet name="Wisconsin" sheetId="3" r:id="rId33"/>
  </sheets>
  <calcPr calcId="191028" calcCompleted="0"/>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3554" uniqueCount="1841">
  <si>
    <t>Federal Withholding W4 (Deprecated)</t>
  </si>
  <si>
    <t>Form Field</t>
  </si>
  <si>
    <t>Form Type</t>
  </si>
  <si>
    <t>Key</t>
  </si>
  <si>
    <t>Code</t>
  </si>
  <si>
    <t>Text Key</t>
  </si>
  <si>
    <t>I claim exemption from withholding</t>
  </si>
  <si>
    <t>dropdownlist</t>
  </si>
  <si>
    <t>W4EXEMPT</t>
  </si>
  <si>
    <t>W4IsExempt</t>
  </si>
  <si>
    <t>W4EXEMPT_WorkState</t>
  </si>
  <si>
    <t>W4IsExempt_WorkState</t>
  </si>
  <si>
    <t>W4EXEMPT_ResidenceState</t>
  </si>
  <si>
    <t>W4IsExempt_ResidenceState</t>
  </si>
  <si>
    <t>ListItem</t>
  </si>
  <si>
    <t>EXEMPT</t>
  </si>
  <si>
    <t>YES</t>
  </si>
  <si>
    <t>NON-EXEMPT</t>
  </si>
  <si>
    <t>NO</t>
  </si>
  <si>
    <t>Enter the number from line H from the Personal Allowances Worksheet (or from line 10 from the Deductions, Adjustments, and Additional Income Worksheet)</t>
  </si>
  <si>
    <t>String</t>
  </si>
  <si>
    <t>TwoJob1</t>
  </si>
  <si>
    <t>TwoJob1_WorkState</t>
  </si>
  <si>
    <t>TwoJob1_ResidenceState</t>
  </si>
  <si>
    <t>The Number that applies to the lowest paying job and enter it here</t>
  </si>
  <si>
    <t>TwoJob2</t>
  </si>
  <si>
    <t>TwoJob2_WorkState</t>
  </si>
  <si>
    <t>TwoJob2_ResidenceState</t>
  </si>
  <si>
    <t xml:space="preserve">If line 1 is more than or equal to line 2, subtract line 2 from line 1.  </t>
  </si>
  <si>
    <t>TwoJob3</t>
  </si>
  <si>
    <t>TwoJob3_WorkState</t>
  </si>
  <si>
    <t>TwoJob3_ResidenceState</t>
  </si>
  <si>
    <t xml:space="preserve">Enter the number from line 2 of this worksheet  </t>
  </si>
  <si>
    <t>TwoJob4</t>
  </si>
  <si>
    <t>TwoJob4_WorkState</t>
  </si>
  <si>
    <t>TwoJob4_ResidenceState</t>
  </si>
  <si>
    <t>Enter the number from line 1 of this worksheet</t>
  </si>
  <si>
    <t>TwoJob5</t>
  </si>
  <si>
    <t>TwoJob5_WorkState</t>
  </si>
  <si>
    <t>TwoJob5_ResidenceState</t>
  </si>
  <si>
    <t>Subtract line 5 from line 4</t>
  </si>
  <si>
    <t>TwoJob6</t>
  </si>
  <si>
    <t>TwoJob6_WorkState</t>
  </si>
  <si>
    <t>TwoJob6_ResidenceState</t>
  </si>
  <si>
    <t xml:space="preserve">The amount that applies to the highest paying job and enter it here  </t>
  </si>
  <si>
    <t>TwoJob7</t>
  </si>
  <si>
    <t>TwoJob7_WorkState</t>
  </si>
  <si>
    <t>TwoJob7_ResidenceState</t>
  </si>
  <si>
    <t xml:space="preserve">Multiply line 7 by line 6 and enter the result here. This is the additional annual withholding needed   </t>
  </si>
  <si>
    <t>TwoJob8</t>
  </si>
  <si>
    <t>TwoJob8_WorkState</t>
  </si>
  <si>
    <t>TwoJob8_ResidenceState</t>
  </si>
  <si>
    <t>Divide line 8 by the number of pay periods remaining in 2019.</t>
  </si>
  <si>
    <t>TwoJob9</t>
  </si>
  <si>
    <t>TwoJob9_WorkState</t>
  </si>
  <si>
    <t>TwoJob9_ResidenceState</t>
  </si>
  <si>
    <t>A Enter "1" for yourself</t>
  </si>
  <si>
    <t>W4AllowancesA</t>
  </si>
  <si>
    <t>W4AllowancesA_WorkState</t>
  </si>
  <si>
    <t>W4AllowancesA_ResidenceState</t>
  </si>
  <si>
    <t xml:space="preserve">B Enter "1" if you will file as married filing jointly  </t>
  </si>
  <si>
    <t>W4AllowancesB</t>
  </si>
  <si>
    <t>W4AllowancesB_WorkState</t>
  </si>
  <si>
    <t>W4AllowancesB_ResidenceState</t>
  </si>
  <si>
    <t>C Enter "1" if you will file as head of household</t>
  </si>
  <si>
    <t>W4AllowancesC</t>
  </si>
  <si>
    <t>W4AllowancesC_WorkState</t>
  </si>
  <si>
    <t>W4AllowancesC_ResidenceState</t>
  </si>
  <si>
    <t>D Enter "1" if: You’re single, or married filing separately, and have only one job; or You’re married filing jointly, have only one job, and your spouse doesn’t work; or Your wages from a second job or your spouse’s wages (or the total of both) are $1,500 or less.</t>
  </si>
  <si>
    <t>W4AllowancesD</t>
  </si>
  <si>
    <t>W4AllowancesD_WorkState</t>
  </si>
  <si>
    <t>W4AllowancesD_ResidenceState</t>
  </si>
  <si>
    <t xml:space="preserve">E Child Tax Credit. See Pub. 972, Child Tax Credit, for more information. </t>
  </si>
  <si>
    <t>W4AllowancesE</t>
  </si>
  <si>
    <t>W4AllowancesE_WorkState</t>
  </si>
  <si>
    <t>W4AllowancesE_ResidenceState</t>
  </si>
  <si>
    <t xml:space="preserve">F Credit for other dependents. See Pub. 972, Child Tax Credit, for more information.  </t>
  </si>
  <si>
    <t>W4AllowancesF</t>
  </si>
  <si>
    <t>W4AllowancesF_WorkState</t>
  </si>
  <si>
    <t>W4AllowancesF_ResidenceState</t>
  </si>
  <si>
    <t xml:space="preserve">G Other credits If you have other credits, see Worksheet 1-6 of Pub. 505 and enter the amount from that worksheet here. If you use Worksheet 1-6, enter “-0-” on lines E and F </t>
  </si>
  <si>
    <t>W4AllowancesG</t>
  </si>
  <si>
    <t>W4AllowancesG_WorkState</t>
  </si>
  <si>
    <t>W4AllowancesG_ResidenceState</t>
  </si>
  <si>
    <t xml:space="preserve">H Add lines A through G and enter the total here </t>
  </si>
  <si>
    <t>W4AllowancesH</t>
  </si>
  <si>
    <t>W4AllowancesH_WorkState</t>
  </si>
  <si>
    <t>W4AllowancesH_ResidenceState</t>
  </si>
  <si>
    <t xml:space="preserve">1 Enter an estimate of your 2019 itemized deductions.   </t>
  </si>
  <si>
    <t>W4Deductions1</t>
  </si>
  <si>
    <t>W4Deductions1_WorkState</t>
  </si>
  <si>
    <t>W4Deductions1_ResidenceState</t>
  </si>
  <si>
    <t xml:space="preserve"> 2 Enter: $24,400 if married filing jointly or qualifying widow(er) $18,350 if head of household $12,200 if single or married filing separately</t>
  </si>
  <si>
    <t>W4Deductions2</t>
  </si>
  <si>
    <t>W4Deductions2_WorkState</t>
  </si>
  <si>
    <t>W4Deductions2_ResidenceState</t>
  </si>
  <si>
    <t xml:space="preserve">3 Subtract line 2 from line 1. If zero or less, enter “-0-” </t>
  </si>
  <si>
    <t>W4Deductions3</t>
  </si>
  <si>
    <t>W4Deductions3_WorkState</t>
  </si>
  <si>
    <t>W4Deductions3_ResidenceState</t>
  </si>
  <si>
    <t xml:space="preserve">4 Enter an estimate of your 2019 adjustments to income  </t>
  </si>
  <si>
    <t>W4Deductions4</t>
  </si>
  <si>
    <t>W4Deductions4_WorkState</t>
  </si>
  <si>
    <t>W4Deductions4_ResidenceState</t>
  </si>
  <si>
    <t xml:space="preserve">5 Add lines 3 and 4 and enter the total </t>
  </si>
  <si>
    <t>W4Deductions5</t>
  </si>
  <si>
    <t>W4Deductions5_WorkState</t>
  </si>
  <si>
    <t>W4Deductions5_ResidenceState</t>
  </si>
  <si>
    <t>6 Enter an estimate of your 2019 nonwage income not subject to withholding (such as dividends or interest)</t>
  </si>
  <si>
    <t>W4Deductions6</t>
  </si>
  <si>
    <t>W4Deductions6_WorkState</t>
  </si>
  <si>
    <t>W4Deductions6_ResidenceState</t>
  </si>
  <si>
    <t>7 Subtract line 6 from line 5. If zero, enter "-0-". If less than zero, enter the amount in parentheses</t>
  </si>
  <si>
    <t>W4Deductions7</t>
  </si>
  <si>
    <t>W4Deductions7_WorkState</t>
  </si>
  <si>
    <t>W4Deductions7_ResidenceState</t>
  </si>
  <si>
    <t>8 Divide the amount on line 7 by $4,200 and enter the result here. If a negative amount, enter in parentheses. Drop any fraction</t>
  </si>
  <si>
    <t>W4Deductions8</t>
  </si>
  <si>
    <t>W4Deductions8_WorkState</t>
  </si>
  <si>
    <t>W4Deductions8_ResidenceState</t>
  </si>
  <si>
    <t xml:space="preserve">9 Enter the number from the Personal Allowances Worksheet, line H   </t>
  </si>
  <si>
    <t>W4Deductions9</t>
  </si>
  <si>
    <t>W4Deductions9_WorkState</t>
  </si>
  <si>
    <t>W4Deductions9_ResidenceState</t>
  </si>
  <si>
    <t>10  Add lines 8 and 9 and enter the total here.</t>
  </si>
  <si>
    <t>W4Deductions10</t>
  </si>
  <si>
    <t>W4Deductions10_WorkState</t>
  </si>
  <si>
    <t>W4Deductions10_ResidenceState</t>
  </si>
  <si>
    <t>Select the wages of the highest paying job</t>
  </si>
  <si>
    <t>TwoJobHighestPaying</t>
  </si>
  <si>
    <t>TwoJobHighestPaying_WorkState</t>
  </si>
  <si>
    <t>TwoJobHighestPaying_ResidenceState</t>
  </si>
  <si>
    <t>9 Divide line 8 by the number of pay periods remaining in 2019.</t>
  </si>
  <si>
    <t>TwoJobK</t>
  </si>
  <si>
    <t>TwoJobK_WorkState</t>
  </si>
  <si>
    <t>TwoJobK_ResidenceState</t>
  </si>
  <si>
    <t>Every Week</t>
  </si>
  <si>
    <t>Every 2 Week</t>
  </si>
  <si>
    <t>Every 3 Week</t>
  </si>
  <si>
    <t>Every 4 Week</t>
  </si>
  <si>
    <t>Select the wages of the lowest paying job</t>
  </si>
  <si>
    <t>TwoJobLowestPaying</t>
  </si>
  <si>
    <t>TwoJobLowestPaying_WorkState</t>
  </si>
  <si>
    <t>TwoJobLowestPaying_ResidenceState</t>
  </si>
  <si>
    <t xml:space="preserve">indicates if Two-Earners/Multiple Jobs Worksheet was opened or not </t>
  </si>
  <si>
    <t>TwoJobShowWorksheet</t>
  </si>
  <si>
    <t>TwoJobShowWorksheet_WorkState</t>
  </si>
  <si>
    <t>TwoJobShowWorksheet_ResidenceState</t>
  </si>
  <si>
    <t>Marital status</t>
  </si>
  <si>
    <t>W4MaritalStatus_WorkState</t>
  </si>
  <si>
    <t>W4MaritalStatusDesc_WorkState</t>
  </si>
  <si>
    <t>W4MaritalStatus_ResidenceState</t>
  </si>
  <si>
    <t>SINGLE</t>
  </si>
  <si>
    <t>S</t>
  </si>
  <si>
    <t>MARRIED</t>
  </si>
  <si>
    <t>M</t>
  </si>
  <si>
    <t>MARRIED, BUT WITHHOLDING AT HIGHER SINGLE RATE (including Married filing separately)</t>
  </si>
  <si>
    <t>X</t>
  </si>
  <si>
    <t>Total number of allowances I am claiming</t>
  </si>
  <si>
    <t>textbox</t>
  </si>
  <si>
    <t>W4TotalAllow</t>
  </si>
  <si>
    <t>W4TotalAllow_WorkState</t>
  </si>
  <si>
    <t>W4TotalAllow_ResidenceState</t>
  </si>
  <si>
    <t>Additional amount, if any, you want withheld from each paycheck</t>
  </si>
  <si>
    <t>W4TwoEarnerAmt</t>
  </si>
  <si>
    <t>W4TwoEarnerAmt_WorkState</t>
  </si>
  <si>
    <t>W4TwoEarnerAmt_ResidenceState</t>
  </si>
  <si>
    <t>Federal Withholding W4 2020 (New)</t>
  </si>
  <si>
    <t>radiobuttonlist</t>
  </si>
  <si>
    <t>W4MaritalStatus</t>
  </si>
  <si>
    <t>W4MaritalStatusDesc</t>
  </si>
  <si>
    <t>W4MaritalStatusDesc_ResidenceState</t>
  </si>
  <si>
    <t>radiobutton</t>
  </si>
  <si>
    <t>Single or Married filing separately</t>
  </si>
  <si>
    <t>Married filing jointly (or Qualifying Widow or Widower)</t>
  </si>
  <si>
    <t>Head of household (Select only if you are unmarried and pay more than half the costs of keeping up a home for yourself and a qualifying individual.)</t>
  </si>
  <si>
    <t>checkbox</t>
  </si>
  <si>
    <t>checked value</t>
  </si>
  <si>
    <t>Yes</t>
  </si>
  <si>
    <t>unchecked value</t>
  </si>
  <si>
    <t>No</t>
  </si>
  <si>
    <t>You have more than one job at a time</t>
  </si>
  <si>
    <t>W4TwoJobs</t>
  </si>
  <si>
    <t>W4TwoJobs_WorkState</t>
  </si>
  <si>
    <t>W4TwoJobs_ResidenceState</t>
  </si>
  <si>
    <t>Select only one of the following:</t>
  </si>
  <si>
    <t>TwoJobEqualPayRate</t>
  </si>
  <si>
    <t>TwoJobEqualPayRate_WorkState</t>
  </si>
  <si>
    <t>TwoJobEqualPayRate_ResidenceState</t>
  </si>
  <si>
    <t>A</t>
  </si>
  <si>
    <t>B</t>
  </si>
  <si>
    <t>Your income will be $200,000 or less ($400,000 or less if married filing jointly)</t>
  </si>
  <si>
    <t>W4Dependents</t>
  </si>
  <si>
    <t>W4Dependents_WorkState</t>
  </si>
  <si>
    <t>W4Dependents_ResidenceState</t>
  </si>
  <si>
    <t>Number of qualifying children under age 17</t>
  </si>
  <si>
    <t>W4Allowances3ChildQty</t>
  </si>
  <si>
    <t>W4Allowances3ChildQty_WorkState</t>
  </si>
  <si>
    <t>W4Allowances3ChildQty_ResidenceState</t>
  </si>
  <si>
    <t>Number of qualifying children under age 17 TOTAL</t>
  </si>
  <si>
    <t>W4Allowances3Child</t>
  </si>
  <si>
    <t>W4Allowances3Child_WorkState</t>
  </si>
  <si>
    <t>W4Allowances3Child_ResidenceState</t>
  </si>
  <si>
    <t>Number of other dependents</t>
  </si>
  <si>
    <t>W4Allowances3OtherQty</t>
  </si>
  <si>
    <t>W4Allowances3OtherQty_WorkState</t>
  </si>
  <si>
    <t>W4Allowances3OtherQty_ResidenceState</t>
  </si>
  <si>
    <t>Number of other dependents TOTAL</t>
  </si>
  <si>
    <t>W4Allowances3Other</t>
  </si>
  <si>
    <t>W4Allowances3Other_WorkState</t>
  </si>
  <si>
    <t>W4Allowances3Other_ResidenceState</t>
  </si>
  <si>
    <t>You can also include other tax credits in this step, such as education tax credits and the foreign tax credit.</t>
  </si>
  <si>
    <t>W4Allowances3OtherCredits</t>
  </si>
  <si>
    <t>W4Allowances3OtherCredits_WorkState</t>
  </si>
  <si>
    <t>W4Allowances3OtherCredits_ResidenceState</t>
  </si>
  <si>
    <t>Total</t>
  </si>
  <si>
    <t>W4Allowances3Total</t>
  </si>
  <si>
    <t>W4Allowances3Total_WorkState</t>
  </si>
  <si>
    <t>W4Allowances3Total_ResidenceState</t>
  </si>
  <si>
    <t>Other income (not from jobs)</t>
  </si>
  <si>
    <t>W4OtherIncome</t>
  </si>
  <si>
    <t>W4OtherIncome_WorkState</t>
  </si>
  <si>
    <t>W4OtherIncome_ResidenceState</t>
  </si>
  <si>
    <t>Deductions</t>
  </si>
  <si>
    <t>W4DeductionsTotal</t>
  </si>
  <si>
    <t>W4DeductionsTotal_WorkState</t>
  </si>
  <si>
    <t>W4DeductionsTotal_ResidenceState</t>
  </si>
  <si>
    <t>Extra withholding.</t>
  </si>
  <si>
    <t>How many jobs do you have?</t>
  </si>
  <si>
    <t>hidTwoJobsYes</t>
  </si>
  <si>
    <t>hidTwoJobsYes_WorkState</t>
  </si>
  <si>
    <t>hidTwoJobsYes_ResidenceState</t>
  </si>
  <si>
    <t>hidThreeJobsYes</t>
  </si>
  <si>
    <t>hidThreeJobsYes_WorkState</t>
  </si>
  <si>
    <t>hidThreeJobsYes_ResidenceState</t>
  </si>
  <si>
    <t>hidTwoJobsYes = 'checked'</t>
  </si>
  <si>
    <t>Two Jobs</t>
  </si>
  <si>
    <t>hidThreeJobsYes = 'checked'</t>
  </si>
  <si>
    <t>Three Jobs</t>
  </si>
  <si>
    <r>
      <t>1</t>
    </r>
    <r>
      <rPr>
        <sz val="8"/>
        <color rgb="FF222222"/>
        <rFont val="Arial"/>
        <family val="2"/>
        <charset val="204"/>
      </rPr>
      <t>  Select the amount for "Higher Paying Job" and "Lower Paying Job" from the lists below. Then, skip to line 3.</t>
    </r>
  </si>
  <si>
    <t>MultiJobs1</t>
  </si>
  <si>
    <t>MultiJobs1_WorkState</t>
  </si>
  <si>
    <t>MultiJobs1_ResidenceState</t>
  </si>
  <si>
    <r>
      <t>2a</t>
    </r>
    <r>
      <rPr>
        <sz val="8"/>
        <color rgb="FF222222"/>
        <rFont val="Arial"/>
        <family val="2"/>
        <charset val="204"/>
      </rPr>
      <t> Select the amount using the annual wages from your highest paing job in "Higher Paying Job" list and the annual wages from your next highest paing job in "Lower Paying Jobs" list below.</t>
    </r>
  </si>
  <si>
    <t>MultiJobs2a</t>
  </si>
  <si>
    <t>MultiJobs2a_WorkState</t>
  </si>
  <si>
    <t>MultiJobs2a_ResidenceState</t>
  </si>
  <si>
    <r>
      <t>2b</t>
    </r>
    <r>
      <rPr>
        <sz val="8"/>
        <color rgb="FF222222"/>
        <rFont val="Arial"/>
        <family val="2"/>
        <charset val="204"/>
      </rPr>
      <t> Add the annual wages of the two highest paying jobs from line 2a together and use the total as the wages in the "Higher Paying Job" row and use the annual wages for your third job in the "Lower Paying Job" to select values from the lists below.</t>
    </r>
  </si>
  <si>
    <t>MultiJobs2b</t>
  </si>
  <si>
    <t>MultiJobs2b_WorkState</t>
  </si>
  <si>
    <t>MultiJobs2b_ResidenceState</t>
  </si>
  <si>
    <r>
      <t>2c</t>
    </r>
    <r>
      <rPr>
        <sz val="8"/>
        <color rgb="FF222222"/>
        <rFont val="Arial"/>
        <family val="2"/>
        <charset val="204"/>
      </rPr>
      <t> Add the amounts from lines 2a and 2b and enter the result on line 2c.</t>
    </r>
  </si>
  <si>
    <t>MultiJobs2c</t>
  </si>
  <si>
    <t>MultiJobs2c_WorkState</t>
  </si>
  <si>
    <t>MultiJobs2c_ResidenceState</t>
  </si>
  <si>
    <r>
      <t>3</t>
    </r>
    <r>
      <rPr>
        <sz val="8"/>
        <color rgb="FF222222"/>
        <rFont val="Arial"/>
        <family val="2"/>
        <charset val="204"/>
      </rPr>
      <t>  Select the number of pay periods per year for the highest paying job. </t>
    </r>
  </si>
  <si>
    <t>MultiJobsPayPeriods</t>
  </si>
  <si>
    <t>MultiJobsPayPeriods_WorkState</t>
  </si>
  <si>
    <t>MultiJobsPayPeriods_ResidenceState</t>
  </si>
  <si>
    <t>Every 2 Weeks</t>
  </si>
  <si>
    <t>Every 3 Weeks</t>
  </si>
  <si>
    <t>Every Month</t>
  </si>
  <si>
    <r>
      <t>4</t>
    </r>
    <r>
      <rPr>
        <sz val="8"/>
        <color rgb="FF222222"/>
        <rFont val="Arial"/>
        <family val="2"/>
        <charset val="204"/>
      </rPr>
      <t>  </t>
    </r>
    <r>
      <rPr>
        <b/>
        <sz val="8"/>
        <color rgb="FF222222"/>
        <rFont val="Arial"/>
        <family val="2"/>
        <charset val="204"/>
      </rPr>
      <t>Divide</t>
    </r>
    <r>
      <rPr>
        <sz val="8"/>
        <color rgb="FF222222"/>
        <rFont val="Arial"/>
        <family val="2"/>
        <charset val="204"/>
      </rPr>
      <t> the annual amount of line 1 or line 2c by the number of pay periods on line 3. Enter this amount here and in </t>
    </r>
    <r>
      <rPr>
        <b/>
        <sz val="8"/>
        <color rgb="FF222222"/>
        <rFont val="Arial"/>
        <family val="2"/>
        <charset val="204"/>
      </rPr>
      <t>Step 4(c)</t>
    </r>
    <r>
      <rPr>
        <sz val="8"/>
        <color rgb="FF222222"/>
        <rFont val="Arial"/>
        <family val="2"/>
        <charset val="204"/>
      </rPr>
      <t> of Form W-4 for the highest paying job (along with any additional amount you want withheld).</t>
    </r>
  </si>
  <si>
    <t>MultiJobs4</t>
  </si>
  <si>
    <t>MultiJobs4_WorkState</t>
  </si>
  <si>
    <t>MultiJobs4_ResidenceState</t>
  </si>
  <si>
    <t>1 Enter an estimate of your 2020 itemized deductions (from Schedule A (Form 1040 or 1040-SR)). Such deductions may include qualifying home mortgage interest, charitable contributions, state and local taxes (up to $10,000), and medical expenses in excess of 10% of your income</t>
  </si>
  <si>
    <t>2 Enter:</t>
  </si>
  <si>
    <t>3 If line 1 is greater than line 2, subtract line 2 from line 1. If line 2 is greater than line 1, enter “-0-”</t>
  </si>
  <si>
    <t>4 Enter an estimate of your student loan interest, deductible IRA contributions, and certain other adjustments (from Schedule 1 (Form 1040 or 1040-SR)).</t>
  </si>
  <si>
    <r>
      <t>5 Add</t>
    </r>
    <r>
      <rPr>
        <sz val="8"/>
        <color rgb="FF222222"/>
        <rFont val="Arial"/>
        <family val="2"/>
        <charset val="204"/>
      </rPr>
      <t> lines 3 and 4. Enter the result here</t>
    </r>
  </si>
  <si>
    <t>Field</t>
  </si>
  <si>
    <t>2019 line</t>
  </si>
  <si>
    <t>2020 line</t>
  </si>
  <si>
    <t>Notes / Comments</t>
  </si>
  <si>
    <t>Files the key is used in</t>
  </si>
  <si>
    <t>Form version</t>
  </si>
  <si>
    <t>--</t>
  </si>
  <si>
    <t>W4FormVersion</t>
  </si>
  <si>
    <t>N/A</t>
  </si>
  <si>
    <t>This is an indicator for the new form version</t>
  </si>
  <si>
    <t>1) ExportNewHire
2) New Employee Summary Form (+Remote)</t>
  </si>
  <si>
    <t>1) ExportNewHire
2) NewHireDataExport
3) New Employee Summary Form (+Remote)
4) RCM2KMSDataEchange
5) ImportNewHire</t>
  </si>
  <si>
    <t>Single</t>
  </si>
  <si>
    <t>Married</t>
  </si>
  <si>
    <t>Married filing jointly</t>
  </si>
  <si>
    <t>Married, but withhold at higher Single rate. (If married filing separately)</t>
  </si>
  <si>
    <t>Head of household (Check only if you’re unmarried and pay more than half the costs of keeping up a home for yourself and a qualifying individual.)</t>
  </si>
  <si>
    <t>Total allowances</t>
  </si>
  <si>
    <t>Additional amount / Extra Withholding</t>
  </si>
  <si>
    <t>Deductions Worksheet 6</t>
  </si>
  <si>
    <t>4c</t>
  </si>
  <si>
    <t>Checkbox two jobs with equal pay-rate</t>
  </si>
  <si>
    <t>2c</t>
  </si>
  <si>
    <t>Exempt</t>
  </si>
  <si>
    <t>2019 values:EXEMPT / NON-EXEMPT
2020 values: EXEMPT / NON-EXEMPT</t>
  </si>
  <si>
    <t>This key is not mapped on the PDF, has the value selected on the Panel. 
2019 values: YES / NO
2020 values: Yes/ No</t>
  </si>
  <si>
    <t>Personal allowances WS</t>
  </si>
  <si>
    <t>Child tax credit</t>
  </si>
  <si>
    <t>E</t>
  </si>
  <si>
    <t>Step 3, first line</t>
  </si>
  <si>
    <t>coef in 2019 and $ value in 2020</t>
  </si>
  <si>
    <t>Credit for other dependents</t>
  </si>
  <si>
    <t>F</t>
  </si>
  <si>
    <t>Step 3, second line</t>
  </si>
  <si>
    <t>Other credits</t>
  </si>
  <si>
    <t>G</t>
  </si>
  <si>
    <t>H</t>
  </si>
  <si>
    <t>Step 3, total line</t>
  </si>
  <si>
    <t>Deductions, Adjustments, and Additional Income Worksheet</t>
  </si>
  <si>
    <t>Itemized deductions</t>
  </si>
  <si>
    <t>Deductions Worksheet(4b) 1</t>
  </si>
  <si>
    <t>Base deductions</t>
  </si>
  <si>
    <t>Deductions Worksheet(4b) 2</t>
  </si>
  <si>
    <t>Limits are changed</t>
  </si>
  <si>
    <t>$24,800 if you’re married filing jointly or qualifying widow(er) $18,650 if you’re head of household $12,400 if you’re single or married filing separately</t>
  </si>
  <si>
    <t>Diff between 1 and 2</t>
  </si>
  <si>
    <t>Deductions Worksheet(4b) 3</t>
  </si>
  <si>
    <t>Other adjustments</t>
  </si>
  <si>
    <t>Deductions Worksheet(4b) 4</t>
  </si>
  <si>
    <t>Other income</t>
  </si>
  <si>
    <t>4(a)</t>
  </si>
  <si>
    <t xml:space="preserve">Deductions Worksheet 5 </t>
  </si>
  <si>
    <t>Step 4. Deductions
(4(b))</t>
  </si>
  <si>
    <t>This new key will be used only for main panel and main portion of the form. This was added as the Worksheet value can be overriden by the user now. In 2019, the worksheet was being cleared on editing and did not use a separate Key.</t>
  </si>
  <si>
    <t>Multiple jobs</t>
  </si>
  <si>
    <t>4(c) and </t>
  </si>
  <si>
    <t>For 2020 additional amount can be added</t>
  </si>
  <si>
    <t>Multiple Jobs Worksheet 2(b) 4</t>
  </si>
  <si>
    <t>Pay periods</t>
  </si>
  <si>
    <t>Multiple Jobs Worksheet 2(b) 3</t>
  </si>
  <si>
    <t>MultiJobs2a MultiJobs2b MultiJobs2c</t>
  </si>
  <si>
    <t>Multiple Jobs Worksheet 2(b)</t>
  </si>
  <si>
    <t>2a, 2b, 2c</t>
  </si>
  <si>
    <t>Two jobs</t>
  </si>
  <si>
    <t>Multiple Jobs Worksheet 2(b) 1</t>
  </si>
  <si>
    <t>Arkansas State Withholding (no change)</t>
  </si>
  <si>
    <t xml:space="preserve">  (a) You claim yourself</t>
  </si>
  <si>
    <t>ExemptionsClaimed1</t>
  </si>
  <si>
    <t xml:space="preserve">(b) You claim yourself and your spouse </t>
  </si>
  <si>
    <t>ExemptionsClaimed2</t>
  </si>
  <si>
    <t>(c) Head of Household, and you claim yourself</t>
  </si>
  <si>
    <t>ExemptionsClaimed3</t>
  </si>
  <si>
    <t>2. NUMBER OF CHILDREN or DEPENDENTS</t>
  </si>
  <si>
    <t>StateWithholding.AR.AR_AR4EC_txt2</t>
  </si>
  <si>
    <t>3. TOTAL EXEMPTIONS</t>
  </si>
  <si>
    <t>StateWithholding.AR.AR_AR4EC_txt3</t>
  </si>
  <si>
    <t xml:space="preserve">4. Additional amount, if any, you want deducted from each paycheck </t>
  </si>
  <si>
    <t>StateWithholding.AR.AR_AR4EC_txt4</t>
  </si>
  <si>
    <t>5. I qualify for the low income tax rates</t>
  </si>
  <si>
    <t>StateWithholding.AR.AR_AR4EC_rbtQualify</t>
  </si>
  <si>
    <t>rbtNo</t>
  </si>
  <si>
    <t>rbtYes</t>
  </si>
  <si>
    <t xml:space="preserve">Filing status: </t>
  </si>
  <si>
    <t>dropdown</t>
  </si>
  <si>
    <t>StateWithholding.AR.AR_AR4EC_FilingStatus</t>
  </si>
  <si>
    <t>-- Select --</t>
  </si>
  <si>
    <t>Married Filing Jointly</t>
  </si>
  <si>
    <t>Head of Household</t>
  </si>
  <si>
    <t>Arizona State Withholding (no change)</t>
  </si>
  <si>
    <t>I choose to have Arizona withholding at the rate of &lt;b&gt;(check only one percentage):</t>
  </si>
  <si>
    <t>StateWithholding.AZ.AZ_A_4_chbA</t>
  </si>
  <si>
    <t>StateWithholding.AZ.AZ_A_4_chbB</t>
  </si>
  <si>
    <t>StateWithholding.AZ.AZ_A_4_chbC</t>
  </si>
  <si>
    <t>StateWithholding.AZ.AZ_A_4_chbD</t>
  </si>
  <si>
    <t>StateWithholding.AZ.AZ_A_4_chbE</t>
  </si>
  <si>
    <t>StateWithholding.AZ.AZ_A_4_chbF</t>
  </si>
  <si>
    <t>StateWithholding.AZ.AZ_A_4_chbG</t>
  </si>
  <si>
    <t>StateWithholding.AZ.AZ_A_4_chbH</t>
  </si>
  <si>
    <t>I hereby elect an Arizona withholding percentage of zero, and I certify that I expect to have no Arizona tax liability for the current taxable year.</t>
  </si>
  <si>
    <t>StateWithholding.AZ.AZ_A_4_chbN</t>
  </si>
  <si>
    <t>I qualify exemption status because I am one of the following; Nonresident Military Spouse, Native American or Nonresident.</t>
  </si>
  <si>
    <t>StateWithholdingAZ_AZ_A_4_EX</t>
  </si>
  <si>
    <t>Check this box and enter an extra amount to be withheld from each paycheck $</t>
  </si>
  <si>
    <t>StateWithholding.AZ.AZ_A_4_chbAddAmnt</t>
  </si>
  <si>
    <t>I certify that I have made the correct percentage election marked above.</t>
  </si>
  <si>
    <t>AZ_A_4_chkAgree</t>
  </si>
  <si>
    <t>StateWithholding.AZ.AZ_A_4_AdditionalAmount</t>
  </si>
  <si>
    <t>Arizona WEC Exemption  (no change)</t>
  </si>
  <si>
    <t>Display Key</t>
  </si>
  <si>
    <t>Select which option applies to you:</t>
  </si>
  <si>
    <t>StateWithholdingAZ_AZ_4_WEC_EX_Select</t>
  </si>
  <si>
    <t>StateWithholdingAZ_AZ_4_WEC_EX_Select_Text</t>
  </si>
  <si>
    <t>SELECT</t>
  </si>
  <si>
    <t>SWAZNative</t>
  </si>
  <si>
    <t>Native American</t>
  </si>
  <si>
    <t>SWAZNonMilitary</t>
  </si>
  <si>
    <t>Nonresident Military Spouse</t>
  </si>
  <si>
    <t>SWAZNonresident</t>
  </si>
  <si>
    <t>Nonresident</t>
  </si>
  <si>
    <t xml:space="preserve">I request to have no Arizona income tax withheld from my wages because I declare that:  </t>
  </si>
  <si>
    <t>StateWithholdingAZ_AZ_4_WEC_EX_NativeAm</t>
  </si>
  <si>
    <t>1. I am a Native American - Enter your Tribal Census Number:</t>
  </si>
  <si>
    <t>StateWithholdingAZ_AZ_4_WEC_EX_TribalCensusNbr</t>
  </si>
  <si>
    <t>2. I reside on this Indian Reservation:</t>
  </si>
  <si>
    <t>StateWithholdingAZ_AZ_4_WEC_EX_Reservation</t>
  </si>
  <si>
    <t>I request to have no Arizona income tax withheld from my wages because I declare that:</t>
  </si>
  <si>
    <t>StateWithholdingAZ_AZ_4_WEC_EX_MilitarySpouse</t>
  </si>
  <si>
    <t>2. Both my spouse and I are Arizona nonresidents. My state of residence is,</t>
  </si>
  <si>
    <t>StateWithholdingAZ_AZ_4_WEC_EX_MilitarySpouse2</t>
  </si>
  <si>
    <t>My military spouse's state of residence is (must be same state),</t>
  </si>
  <si>
    <t>StateWithholdingAZ_AZ_4_WEC_EX_MilitarySpouse2b</t>
  </si>
  <si>
    <t xml:space="preserve"> My Military ID Number is:</t>
  </si>
  <si>
    <t>StateWithholdingAZ_AZ_4_WEC_EX_MilitarySpouse4a</t>
  </si>
  <si>
    <t>Date Issued</t>
  </si>
  <si>
    <t>Date</t>
  </si>
  <si>
    <t>StateWithholdingAZ_AZ_4_WEC_EX_MilitarySpouse4b</t>
  </si>
  <si>
    <t>StateWithholdingAZ_AZ_4_WEC_EX_NonResident</t>
  </si>
  <si>
    <t>1. I am an Arizona nonresident, and I am a resident of:</t>
  </si>
  <si>
    <t>StateWithholdingAZ_AZ_4_WEC_EX_NonResident1</t>
  </si>
  <si>
    <t>StateWithholdingAZ_AZ_4_WEC_EX_NonResident1_Text</t>
  </si>
  <si>
    <t>CA</t>
  </si>
  <si>
    <t>California</t>
  </si>
  <si>
    <t>IN</t>
  </si>
  <si>
    <t>Indiana</t>
  </si>
  <si>
    <t>OR</t>
  </si>
  <si>
    <t>Oregon</t>
  </si>
  <si>
    <t>VA</t>
  </si>
  <si>
    <t>Virginia</t>
  </si>
  <si>
    <t xml:space="preserve">AZ_4_WEC_OS OS Step Panel Keys Details: </t>
  </si>
  <si>
    <t>I have reviewed all documentation required to be submitted with this request and confirm that if the employee is claiming the exemption under Part 1, that the employee’s place of employment is located on the reservation named in Part 1.</t>
  </si>
  <si>
    <t>StateWithholdingAZ_AZ_4_WEC_OS_Confirmation</t>
  </si>
  <si>
    <t>Note: Remaining all other keys on this OS panel are same as AZ_4_WEC NES panel keys.</t>
  </si>
  <si>
    <t>Filing status:</t>
  </si>
  <si>
    <t>StateWithholding.CA.CA_DE_4_MaritalStatus</t>
  </si>
  <si>
    <t>listitem</t>
  </si>
  <si>
    <t>-- SELECT --</t>
  </si>
  <si>
    <t>SINGLE or MARRIED (with two or more incomes)</t>
  </si>
  <si>
    <t>MARRIED (one income)</t>
  </si>
  <si>
    <t>HEAD OF HOUSEHOLD</t>
  </si>
  <si>
    <t>1. Number of allowances for Regular Withholding Allowances</t>
  </si>
  <si>
    <t>StateWithholding.CA.CA_DE_4_txtNumberOfAllowancesForRegularWithholding</t>
  </si>
  <si>
    <t>Number of allowances from the Estimated Deductions</t>
  </si>
  <si>
    <t>StateWithholding.CA.CA_DE_4_txtNumberOfAllowancesFromTheEstimatedDeduc</t>
  </si>
  <si>
    <t>Total Number of Allowances (A + B) when using the California Withholding Schedules for 2019</t>
  </si>
  <si>
    <t>StateWithholding.CA.CA_DE_4_txtTotalNumberOfAllowances</t>
  </si>
  <si>
    <t>2. Additional amount of state income to be withheld each pay period</t>
  </si>
  <si>
    <t>StateWithholding.CA.CA_DE_4_txtAdditionalAmountOfStateIncome</t>
  </si>
  <si>
    <t>3. I certify under penalty of perjury that I am not subject to California withholding. I meet the conditions set forth under the Service Member Civil Relief Act, as amended by the Military Spouses Residency Relief Act.</t>
  </si>
  <si>
    <t>StateWithholding.CA.CA_DE_4_MilitarySpouse</t>
  </si>
  <si>
    <t>I agree that the allowances and deductions listed above are accurate</t>
  </si>
  <si>
    <t>CA_DE_4_chkAgree</t>
  </si>
  <si>
    <t>A. Allowance for yourself</t>
  </si>
  <si>
    <t>StateWithholding.CA.CA_DE_4_txtWorksheetA_A</t>
  </si>
  <si>
    <t>B. Allowance for your spouse (if not separately claimed by your spouse)</t>
  </si>
  <si>
    <t>StateWithholding.CA.CA_DE_4_txtWorksheetA_B</t>
  </si>
  <si>
    <t>C. Allowance for blindness - yourself</t>
  </si>
  <si>
    <t>StateWithholding.CA.CA_DE_4_txtWorksheetA_C</t>
  </si>
  <si>
    <t>D. Allowance for blindness - your spouse (if not separately claimed by your spouse)</t>
  </si>
  <si>
    <t>StateWithholding.CA.CA_DE_4_txtWorksheetA_D</t>
  </si>
  <si>
    <t>E. Allowance(s) for dependent(s) - do not include yourself or your spouse</t>
  </si>
  <si>
    <t>StateWithholding.CA.CA_DE_4_txtWorksheetA_E</t>
  </si>
  <si>
    <t>F. Total - add lines (A) through (E) above</t>
  </si>
  <si>
    <t>StateWithholding.CA.CA_DE_4_txtWorksheetA_F</t>
  </si>
  <si>
    <t>1. Enter an estimate of your itemized deductions for California taxes for this tax year as listed in the Schedules in the FTB 540 form</t>
  </si>
  <si>
    <t>StateWithholding.CA.CA_DE_4_txtWorksheetB_1</t>
  </si>
  <si>
    <t>2. Enter</t>
  </si>
  <si>
    <t>StateWithholding.CA.CA_DE_4_txtWorksheetB_2</t>
  </si>
  <si>
    <t>$8,802 if married filing joint with two or more allowances, unmarried head of household, or qualifying widow(er) with dependent(s)</t>
  </si>
  <si>
    <t>$4,401 if single or married filing separately, dual income married, or married with multiple employers</t>
  </si>
  <si>
    <t>3. Subtract line 2 from line 1, enter difference</t>
  </si>
  <si>
    <t>StateWithholding.CA.CA_DE_4_txtWorksheetB_3</t>
  </si>
  <si>
    <t>4. Enter an estimate of your adjustments to income (alimony payments, IRA deposits)</t>
  </si>
  <si>
    <t>StateWithholding.CA.CA_DE_4_txtWorksheetB_4</t>
  </si>
  <si>
    <t>5. Add line 4 to line 3, enter sum</t>
  </si>
  <si>
    <t>StateWithholding.CA.CA_DE_4_txtWorksheetB_5</t>
  </si>
  <si>
    <t>6. Enter an estimate of your nonwage income (dividends, interest income, alimony receipts)</t>
  </si>
  <si>
    <t>StateWithholding.CA.CA_DE_4_txtWorksheetB_6</t>
  </si>
  <si>
    <t>7. If line 5 is greater than line 6 (if less, see below); Subtract line 6 from line 5, enter difference</t>
  </si>
  <si>
    <t>StateWithholding.CA.CA_DE_4_txtWorksheetB_7</t>
  </si>
  <si>
    <t>8. Divide the amount on line 7 by $1,000, round any fraction to the nearest whole number</t>
  </si>
  <si>
    <t>StateWithholding.CA.CA_DE_4_txtWorksheetB_8</t>
  </si>
  <si>
    <t>9. If line 6 is greater than line 5; Enter amount from line 6 (nonwage income)</t>
  </si>
  <si>
    <t>StateWithholding.CA.CA_DE_4_txtWorksheetB_9</t>
  </si>
  <si>
    <t>10. Enter amount from line 5 (deductions)</t>
  </si>
  <si>
    <t>StateWithholding.CA.CA_DE_4_txtWorksheetB_10</t>
  </si>
  <si>
    <t>11. Subtract line 10 from line 9, enter difference</t>
  </si>
  <si>
    <t>StateWithholding.CA.CA_DE_4_txtWorksheetB_11</t>
  </si>
  <si>
    <t>1. Enter estimate of total wages for tax year 2019</t>
  </si>
  <si>
    <t>StateWithholding.CA.CA_DE_4_txtWorksheetC_1</t>
  </si>
  <si>
    <t>2. Enter estimate of nonwage income</t>
  </si>
  <si>
    <t>StateWithholding.CA.CA_DE_4_txtWorksheetC_2</t>
  </si>
  <si>
    <t>3. Add line 1 and line 2</t>
  </si>
  <si>
    <t>StateWithholding.CA.CA_DE_4_txtWorksheetC_3</t>
  </si>
  <si>
    <t>4. Enter itemized deductions or standard deduction</t>
  </si>
  <si>
    <t>StateWithholding.CA.CA_DE_4_txtWorksheetC_4</t>
  </si>
  <si>
    <t>5. Enter adjustments to income</t>
  </si>
  <si>
    <t>StateWithholding.CA.CA_DE_4_txtWorksheetC_5</t>
  </si>
  <si>
    <t>6. Add line 4 and line 5</t>
  </si>
  <si>
    <t>StateWithholding.CA.CA_DE_4_txtWorksheetC_6</t>
  </si>
  <si>
    <t>7. Subtract line 6 from line 3</t>
  </si>
  <si>
    <t>StateWithholding.CA.CA_DE_4_txtWorksheetC_7</t>
  </si>
  <si>
    <t>8. Figure your tax liability for the amount on line 7 by using the 2019 tax rate schedules</t>
  </si>
  <si>
    <t>StateWithholding.CA.CA_DE_4_txtWorksheetC_8</t>
  </si>
  <si>
    <t>Enter your Status:</t>
  </si>
  <si>
    <t>CA_DE_4_txtWorksheetC_16value</t>
  </si>
  <si>
    <t>SINGLE PERSONS, DUAL INCOME MARRIED WITH MULTIPLE EMPLOYERS</t>
  </si>
  <si>
    <t>MARRIED FILING JOINT OR QUALIFYING WIDOW(ER) TAXPAYERS</t>
  </si>
  <si>
    <t>9. Enter personal exemptions</t>
  </si>
  <si>
    <t>StateWithholding.CA.CA_DE_4_txtWorksheetC_9</t>
  </si>
  <si>
    <t>10. Subtract line 9 from line 8</t>
  </si>
  <si>
    <t>StateWithholding.CA.CA_DE_4_txtWorksheetC_10</t>
  </si>
  <si>
    <t>11. Enter any tax credits</t>
  </si>
  <si>
    <t>StateWithholding.CA.CA_DE_4_txtWorksheetC_11</t>
  </si>
  <si>
    <t>12. Subtract line 11 from line 10. Enter difference. This is your total tax liability</t>
  </si>
  <si>
    <t>StateWithholding.CA.CA_DE_4_txtWorksheetC_12</t>
  </si>
  <si>
    <t>13. Calculate the tax withheld and estimated to be withheld during 2019</t>
  </si>
  <si>
    <t>StateWithholding.CA.CA_DE_4_txtWorksheetC_13</t>
  </si>
  <si>
    <t>14. Subtract line 13 from line 12. Enter difference</t>
  </si>
  <si>
    <t>StateWithholding.CA.CA_DE_4_txtWorksheetC_14</t>
  </si>
  <si>
    <t>15. Divide line 14 by the number of pay periods remaining in the year</t>
  </si>
  <si>
    <t>CA_DE_4_txtWorksheetC_ddl9value</t>
  </si>
  <si>
    <t>every week</t>
  </si>
  <si>
    <t>every 2 weeks</t>
  </si>
  <si>
    <t>every 3 weeks</t>
  </si>
  <si>
    <t>every 4 weeks</t>
  </si>
  <si>
    <t>StateWithholding.CA.CA_DE_4_txtWorksheetC_15</t>
  </si>
  <si>
    <t>3. I claim exemption from withholding for 2020, and I certify I meet both of the conditions for exemption.</t>
  </si>
  <si>
    <t>StateWithholding.CA.CA_DE_4_ExemptStatus</t>
  </si>
  <si>
    <t>Connecticut</t>
  </si>
  <si>
    <t>I agree that the allowances and deductions listed above are accurate.</t>
  </si>
  <si>
    <t>Checkbox</t>
  </si>
  <si>
    <t>CT_W4P_chkAgree</t>
  </si>
  <si>
    <t>Check if you are claiming the MSRRA exemption</t>
  </si>
  <si>
    <t>CT_W4P_MilitarySpouse</t>
  </si>
  <si>
    <t>My expected annual gross income is less than or equal to $19,000 and no withholding is necessary.</t>
  </si>
  <si>
    <t>Radio Button</t>
  </si>
  <si>
    <t>CT_W4P_H</t>
  </si>
  <si>
    <t>My expected annual gross income is greater than $19,000.</t>
  </si>
  <si>
    <t>I have significant nonwage income and wish to avoid having too little tax withheld.</t>
  </si>
  <si>
    <t xml:space="preserve"> CT_W4P_H</t>
  </si>
  <si>
    <t>I am a nonresident of Connecticut with substantial other income.</t>
  </si>
  <si>
    <t>Our expected combined annual gross income is less than or equal to $24,000 or I am claiming exemption under the Military Spouses Residency Relief Act (MSRRA) and no withholding is necessary.</t>
  </si>
  <si>
    <t>CT_W4P_M</t>
  </si>
  <si>
    <t>My spouse is employed and our expected combined annual gross income is greater than $24,000 and less than or equal to $100,500. See Certain Married Individuals</t>
  </si>
  <si>
    <t>My spouse is not employed and our expected combined annual gross income is greater than $24,000.</t>
  </si>
  <si>
    <t>My spouse is employed and our expected combined annual gross income is greater than $100,500.</t>
  </si>
  <si>
    <t xml:space="preserve"> CT_W4P_M</t>
  </si>
  <si>
    <t>My expected annual gross income is less than or equal to $24,000 or I am claiming exemption under the MSRRA and no withholding is necessary.</t>
  </si>
  <si>
    <t>CT_W4P_QW</t>
  </si>
  <si>
    <t>My expected annual gross income is greater than $24,000.</t>
  </si>
  <si>
    <t>My expected annual gross income is less than or equal to $15,000 and no withholding is necessary.</t>
  </si>
  <si>
    <t>CT_W4P_S</t>
  </si>
  <si>
    <t>My expected annual gross income is greater than $15,000.</t>
  </si>
  <si>
    <t>My expected annual gross income is less than or equal to $12,000 or I am claiming exemption under the MSRRA and no withholding is necessary.</t>
  </si>
  <si>
    <t>CT_W4P_x</t>
  </si>
  <si>
    <t>My expected annual gross income is greater than $12,000.</t>
  </si>
  <si>
    <t>Select state of legal residence/domicile:</t>
  </si>
  <si>
    <t>Dropdown List</t>
  </si>
  <si>
    <t>CT_W4P_ResidenceState</t>
  </si>
  <si>
    <t>Filing Status:</t>
  </si>
  <si>
    <t>CT_W4P_MaritalStatus</t>
  </si>
  <si>
    <t>1. Withholding Code</t>
  </si>
  <si>
    <t>Text Box</t>
  </si>
  <si>
    <t>CA_W4P_WithholdingCode</t>
  </si>
  <si>
    <t>2. Additional withholding amount per pay period, if any</t>
  </si>
  <si>
    <t>CA_W4P_AdditionalWithholding</t>
  </si>
  <si>
    <t>3. Reduced withholding amount per pay period, if any</t>
  </si>
  <si>
    <t>CA_W4P_ReducedWithholding</t>
  </si>
  <si>
    <t>Georgia State Withholding (no changes)</t>
  </si>
  <si>
    <t>I claim exemption from withholding because I incurred no Georgia income tax liability</t>
  </si>
  <si>
    <t>StateWithholding.GA.GA_G4_chbExcempt</t>
  </si>
  <si>
    <t>I certify that I am not subject to Georgia withholding because I meet the conditions set forth under the Servicemembers Civil Relief Act</t>
  </si>
  <si>
    <t>StateWithholding.GA.GA_G4_chbMilitarySpouse</t>
  </si>
  <si>
    <t>State of Residence</t>
  </si>
  <si>
    <t>WH.GA.StateOfResidence</t>
  </si>
  <si>
    <t>(default list of states)</t>
  </si>
  <si>
    <t>3. Marital Status</t>
  </si>
  <si>
    <t>GA_G4_ddlFilingStatus</t>
  </si>
  <si>
    <t>MARRIED FILING JOINT, BOTH SPOUSES WORKING</t>
  </si>
  <si>
    <t>MARRIED FILING JOINT, ONE SPOUSE WORKING</t>
  </si>
  <si>
    <t xml:space="preserve">C </t>
  </si>
  <si>
    <t>MARRIED FILING SEPARATE</t>
  </si>
  <si>
    <t>D</t>
  </si>
  <si>
    <t>SINGLE: Enter 1 if you are claiming yourself</t>
  </si>
  <si>
    <t>StateWithholding.GA.GA_G4_txtMartialStatusA</t>
  </si>
  <si>
    <t>StateWithholding.GA.GA_G4_txtMartialStatusB</t>
  </si>
  <si>
    <t>MARRIED FILING JOINT, ONE SPOUSE WORKING: Enter 1 if you claim yourself or 2 if you claim yourself and your spouse</t>
  </si>
  <si>
    <t>StateWithholding.GA.GA_G4_txtMartialStatusC</t>
  </si>
  <si>
    <t>MARRIED FILING SEPARATE: Enter 1 if you claim yourself</t>
  </si>
  <si>
    <t>StateWithholding.GA.GA_G4_txtMartialStatusD</t>
  </si>
  <si>
    <t>HEAD OF HOUSEHOLD: Enter 1 if you claim yourself</t>
  </si>
  <si>
    <t>StateWithholding.GA.GA_G4_txtMartialStatusE</t>
  </si>
  <si>
    <t>4. DEPENDENT ALLOWANCES</t>
  </si>
  <si>
    <t>StateWithholding.GA.GA_G4_txt4</t>
  </si>
  <si>
    <t>5. ADDITIONAL ALLOWANCES (complete worksheet below)</t>
  </si>
  <si>
    <t>StateWithholding.GA.GA_G4_txt5</t>
  </si>
  <si>
    <t>6. ADDITIONAL WITHHOLDING</t>
  </si>
  <si>
    <t>StateWithholding.GA.GA_G4_txt6</t>
  </si>
  <si>
    <t>7. LETTER USED (Marital Status A, B, C, D, or E )</t>
  </si>
  <si>
    <t>StateWithholding.GA.GA_G4_txt7</t>
  </si>
  <si>
    <t>TOTAL ALLOWANCES</t>
  </si>
  <si>
    <t>StateWithholding.GA.GA_G4_txtTotal</t>
  </si>
  <si>
    <t>GA_G4_chkAgree</t>
  </si>
  <si>
    <t xml:space="preserve">Yourself: Age 65 or over </t>
  </si>
  <si>
    <t>StateWithholding.GA.GA_G4_chbYou-65</t>
  </si>
  <si>
    <t xml:space="preserve">Blind </t>
  </si>
  <si>
    <t>StateWithholding.GA.GA_G4_chbYou-blind</t>
  </si>
  <si>
    <t>Spouse: Age 65 or over</t>
  </si>
  <si>
    <t>StateWithholding.GA.GA_G4_chbSpouse-65</t>
  </si>
  <si>
    <t>StateWithholding.GA.GA_G4_chbSpouse-blind</t>
  </si>
  <si>
    <t>Number of boxes checked</t>
  </si>
  <si>
    <t>StateWithholding.GA.GA_G4_txtBoxes</t>
  </si>
  <si>
    <t xml:space="preserve"> x 1300</t>
  </si>
  <si>
    <t>StateWithholding.GA.GA_G4_txtBoxes-total</t>
  </si>
  <si>
    <t>A. Federal Estimated Itemized Deductions (If Itemizing Deductions)</t>
  </si>
  <si>
    <t>StateWithholding.GA.GA_G4_txtFed-deductions</t>
  </si>
  <si>
    <t>B. Georgia Standard Deduction (enter one)</t>
  </si>
  <si>
    <t>GA_G4_ddl2b</t>
  </si>
  <si>
    <t>StateWithholding.GA.GA_G4_txtStandard-deduction</t>
  </si>
  <si>
    <t>C. Subtract Line B from Line A (If zero or less, enter zero)</t>
  </si>
  <si>
    <t>StateWithholding.GA.GA_G4_txt2c</t>
  </si>
  <si>
    <t>D. Allowable Deductions to Federal Adjusted Gross Income</t>
  </si>
  <si>
    <t>StateWithholding.GA.GA_G4_txt2d</t>
  </si>
  <si>
    <t>E. Add the Amounts on Lines 1, 2C, and 2D</t>
  </si>
  <si>
    <t>StateWithholding.GA.GA_G4_txt2e</t>
  </si>
  <si>
    <t>F. Estimate of Taxable Income not Subject to Withholding</t>
  </si>
  <si>
    <t>StateWithholding.GA.GA_G4_txt2f</t>
  </si>
  <si>
    <t xml:space="preserve"> G. Subtract Line F from Line E (if zero or less, stop here)</t>
  </si>
  <si>
    <t>StateWithholding.GA.GA_G4_txt2g</t>
  </si>
  <si>
    <t>H. Divide the Amount on Line G by $3,000</t>
  </si>
  <si>
    <t>StateWithholding.GA.GA_G4_txt2h</t>
  </si>
  <si>
    <t>Hawaii State Withholding (no change)</t>
  </si>
  <si>
    <t>StateWithholding.HI.HI_HW_4_ddlMarried</t>
  </si>
  <si>
    <t>MARRIED, BUT WITHHOLD AT HIGHER SINGLE RATE</t>
  </si>
  <si>
    <t>CERTIFIED DISABLED PERSON</t>
  </si>
  <si>
    <t>NONRESIDENT MILITARY SPOUSE</t>
  </si>
  <si>
    <t>N</t>
  </si>
  <si>
    <t>Total number of allowances you are claiming</t>
  </si>
  <si>
    <t>StateWithholding.HI.HI_HW_4_txtZ9</t>
  </si>
  <si>
    <t>Additional amount, if any, you want deducted each pay period</t>
  </si>
  <si>
    <t>StateWithholding.HI.HI_HW_4_txtZ10</t>
  </si>
  <si>
    <t>I agree that my marital status, the allowances and deductions listed above are accurate.</t>
  </si>
  <si>
    <t>HI_HW_4_chlAgree</t>
  </si>
  <si>
    <t>A. Enter "1" for yourself if no one else can claim you as a dependent.</t>
  </si>
  <si>
    <t>StateWithholding.HI.HI_HW_4_txtW1</t>
  </si>
  <si>
    <t xml:space="preserve">B. Enter "1" if: 1. You are single and have only one job OR 2. You are married, have only one job, and your spouse does not work.
</t>
  </si>
  <si>
    <t>StateWithholding.HI.HI_HW_4_txtW2</t>
  </si>
  <si>
    <t>C. Enter "1" for your spouse if: 1. No one else can claim your spouse as a dependent AND  2. Your spouse is not claiming a withholding allowance for himself/herself on a Form HW-4.</t>
  </si>
  <si>
    <t>StateWithholding.HI.HI_HW_4_txtW3</t>
  </si>
  <si>
    <t xml:space="preserve"> D. You may be able to claim additional withholding allowances for age. Enter "1" if you or your spouse qualifies. Enter "2" if both you and your spouse qualify.</t>
  </si>
  <si>
    <t>StateWithholding.HI.HI_HW_4_txtW4</t>
  </si>
  <si>
    <t>E. Enter the number of dependents that you will claim on your tax return.</t>
  </si>
  <si>
    <t>StateWithholding.HI.HI_HW_4_txtW5</t>
  </si>
  <si>
    <t>F. Enter "1" if you will file as head of household on your tax return</t>
  </si>
  <si>
    <t>StateWithholding.HI.HI_HW_4_txtW6</t>
  </si>
  <si>
    <t>G. Enter "1" if you estimate that you will have at least $250 of total tax credits.</t>
  </si>
  <si>
    <t>StateWithholding.HI.HI_HW_4_txtW7</t>
  </si>
  <si>
    <t>H. If you plan to itemize or claim adjustments to income, complete the another worksheet and enter the number of withholding allowances here from line 8</t>
  </si>
  <si>
    <t>StateWithholding.HI.HI_HW_4_txtW8</t>
  </si>
  <si>
    <t>I. Total. Add Lines A through H. Enter the total here and on line 4 of Form HW-4.</t>
  </si>
  <si>
    <t>StateWithholding.HI.HI_HW_4_txtW9</t>
  </si>
  <si>
    <t>Enter an estimate of your current year’s itemized deductions.</t>
  </si>
  <si>
    <t>StateWithholding.HI.HI_HW_4_txtW10</t>
  </si>
  <si>
    <t>2. Select* (Marital status dropdown list)</t>
  </si>
  <si>
    <t>ddlMarriedWS2</t>
  </si>
  <si>
    <t>MARRIED FILING JOINTLY OR SURVIVING SPOUSE</t>
  </si>
  <si>
    <t>MFJOSS</t>
  </si>
  <si>
    <t>MARRIED FILING SEPARATELY</t>
  </si>
  <si>
    <t>MFS</t>
  </si>
  <si>
    <t>StateWithholding.HI.HI_HW_4_txtW11</t>
  </si>
  <si>
    <t xml:space="preserve">3. Line 1 minus line 2 </t>
  </si>
  <si>
    <t>StateWithholding.HI.HI_HW_4_txtWW12</t>
  </si>
  <si>
    <t>4. Enter an estimate of your current year’s adjustments to income</t>
  </si>
  <si>
    <t>StateWithholding.HI.HI_HW_4_txtW12</t>
  </si>
  <si>
    <t>5. Add lines 3 and 4 and enter the total</t>
  </si>
  <si>
    <t>StateWithholding.HI.HI_HW_4_txtW13</t>
  </si>
  <si>
    <t xml:space="preserve">6. Enter an estimate of your current year’s nonwage income </t>
  </si>
  <si>
    <t>StateWithholding.HI.HI_HW_4_txtW14</t>
  </si>
  <si>
    <t>7. Line 5 minus line 6</t>
  </si>
  <si>
    <t>StateWithholding.HI.HI_HW_4_txtW15</t>
  </si>
  <si>
    <t>8. Divide the amount on line 7</t>
  </si>
  <si>
    <t>StateWithholding.HI.HI_HW_4_txtW17</t>
  </si>
  <si>
    <t>Idaho State Withholding (new form due out with 1905 release)</t>
  </si>
  <si>
    <t>WITHHOLDING STATUS</t>
  </si>
  <si>
    <t>StateWithholding.ID.ID_W_4_txtWithholdingStatus</t>
  </si>
  <si>
    <t>radiobuttongroup</t>
  </si>
  <si>
    <t>StateWithholding.ID.ID_W_4_WithholdingStatus</t>
  </si>
  <si>
    <t>A - Single if you're single with one job or single with multiple jobs; or if you're filing as head of household</t>
  </si>
  <si>
    <t xml:space="preserve">radiobutton </t>
  </si>
  <si>
    <t>rbWithholdingStatusA</t>
  </si>
  <si>
    <t>B - Married if you're married filing jointly with one job and your spouse doesn't work; or if you're a qualifying widow(er)</t>
  </si>
  <si>
    <t>rbWithholdingStatusB</t>
  </si>
  <si>
    <t>C - Married, but withhold at Single rate if you're married filing jointly and both people work (or you have multiple jobs); or if you're married filing separately</t>
  </si>
  <si>
    <t>rbWithholdingStatusC</t>
  </si>
  <si>
    <t>1. Total number of Idaho allowances you're claiming</t>
  </si>
  <si>
    <t>StateWithholding.ID.ID_W_4_txtNumberOfAllowancesForRegularWithholdingAllowances</t>
  </si>
  <si>
    <t>2. Additional amount (if any) you need withheld from each paycheck (Enter whole dollars)</t>
  </si>
  <si>
    <t>StateWithholding.ID.ID_W_4_txtAdditionalAmountOfStateIncome</t>
  </si>
  <si>
    <t>1. Other than your primary job, how many jobs do you expect to have at thesame time during 2019? (Don't count your primary job.)</t>
  </si>
  <si>
    <t>StateWithholding.ID.ID_W_4_txtWorksheetAdditionalAmount1</t>
  </si>
  <si>
    <t>2. Multiply the number on line 1 by $12,200</t>
  </si>
  <si>
    <t>StateWithholding.ID.ID_W_4_txtWorksheetAdditionalAmount2</t>
  </si>
  <si>
    <t>3. Enter an estimate of your 2019 income from other jobs (not including your primary job)</t>
  </si>
  <si>
    <t>StateWithholding.ID.ID_W_4_txtWorksheetAdditionalAmount3</t>
  </si>
  <si>
    <t>4. Enter the smaller of lines 2 or 3</t>
  </si>
  <si>
    <t>StateWithholding.ID.ID_W_4_txtWorksheetAdditionalAmount4</t>
  </si>
  <si>
    <t>5. If you completed the itemized deduction worksheet for Idaho (tax.idaho.gov/w4) enter the number from line 4. Otherwise, enter "0"</t>
  </si>
  <si>
    <t>StateWithholding.ID.ID_W_4_txtWorksheetAdditionalAmount5</t>
  </si>
  <si>
    <t>6. Multiply the number on line 5 by $2,960</t>
  </si>
  <si>
    <t>StateWithholding.ID.ID_W_4_txtWorksheetAdditionalAmount6</t>
  </si>
  <si>
    <t>7. Subtract line 6 from line 4</t>
  </si>
  <si>
    <t>StateWithholding.ID.ID_W_4_txtWorksheetAdditionalAmount7</t>
  </si>
  <si>
    <t>8. Multiply line 7 by 6.925% (.06925). This is the additional amount you need to withhold annually</t>
  </si>
  <si>
    <t>StateWithholding.ID.ID_W_4_txtWorksheetAdditionalAmount8</t>
  </si>
  <si>
    <t>9. Divide the amount on line 8 by the number of your remaining pay periods in 2019. Enter the number on line 2 of the W-4 as the additional amount you need withheld from each paycheck</t>
  </si>
  <si>
    <t>StateWithholding.ID.ID_W_4_txtWorksheetAdditionalAmount9</t>
  </si>
  <si>
    <t>1. Enter the estimated amount of your 2019 itemized deductions.</t>
  </si>
  <si>
    <t>StateWithholding.ID.ID_W_4_txtWorksheetDeductions_Deduction1</t>
  </si>
  <si>
    <t>2. Enter your standard deduction amount for 2019:</t>
  </si>
  <si>
    <t>StateWithholding.ID.ID_W_4_ddlWorksheetDeductions_Enter</t>
  </si>
  <si>
    <t>3. Subtract line 2 from line 1. If less than zero, enter "0".</t>
  </si>
  <si>
    <t>StateWithholding.ID.ID_W_4_txtWorksheetDeductions_Deduction3</t>
  </si>
  <si>
    <t>4. Divide line 3 by $2,960. Enter only whole numbers (rounding down).</t>
  </si>
  <si>
    <t>StateWithholding.ID.ID_W_4_txtWorksheetDeductions_Deduction4</t>
  </si>
  <si>
    <t>I qualify exemption status because I am the spouse of a service member on active duty stationed in Idaho on official orders.</t>
  </si>
  <si>
    <t>StateWithholding_ID_W_4_MSExempt</t>
  </si>
  <si>
    <t>I am domiciled (a permanent resident) in</t>
  </si>
  <si>
    <t>StateWithholding_ID_MS1_ddlResCountry</t>
  </si>
  <si>
    <t>StateWithholding_ID_MS1_ddlResCountry_Text</t>
  </si>
  <si>
    <t>I am domiciled (a permanent resident) in the state of</t>
  </si>
  <si>
    <t>StateWithholding_ID_MS1_ddlResState</t>
  </si>
  <si>
    <t>New Employee step Panel</t>
  </si>
  <si>
    <t>New Orientation step panel</t>
  </si>
  <si>
    <t>StateWithholding_ID_MS1_ddlResState_Text</t>
  </si>
  <si>
    <t>Under penalties of perjury, I declare that to the best of my knowledge and belief this form is true, correct and complete.</t>
  </si>
  <si>
    <t>StateWithholding_ID_MS1_AgreeChkbox</t>
  </si>
  <si>
    <t>Under penalties of perjury, I declare that to the best of my knowledge and belief this form is true, correct and_x000D_
complete.</t>
  </si>
  <si>
    <t>StateWithholding_ID_MS1_OS_AgreeChkbox</t>
  </si>
  <si>
    <t>Indiana State Withholding (no change)</t>
  </si>
  <si>
    <t>You are 65 or older</t>
  </si>
  <si>
    <t>StateWithholding.IN.IN_WH_4_chbOver65</t>
  </si>
  <si>
    <t>and/or blind</t>
  </si>
  <si>
    <t>StateWithholding.IN.IN_WH_4_chbOrBlind</t>
  </si>
  <si>
    <t>Spouse is 65 or older</t>
  </si>
  <si>
    <t>StateWithholding.IN.IN_WH_4_chbSpouseExempt65</t>
  </si>
  <si>
    <t>StateWithholding.IN.IN_WH_4_chbSpouseExemptBlind</t>
  </si>
  <si>
    <t>IN_WH_4_chkAgree</t>
  </si>
  <si>
    <t>Indiana County of Principal Employment as of January 1</t>
  </si>
  <si>
    <t>IN_WH_4_ddlIndianaCountyOfEmployment</t>
  </si>
  <si>
    <t xml:space="preserve"> ADAMS</t>
  </si>
  <si>
    <t>ALLEN</t>
  </si>
  <si>
    <t>BARTHOLOMEW</t>
  </si>
  <si>
    <t>BENTON</t>
  </si>
  <si>
    <t>BLACKFORD</t>
  </si>
  <si>
    <t>BOONE</t>
  </si>
  <si>
    <t>BROWN</t>
  </si>
  <si>
    <t>CARROLL</t>
  </si>
  <si>
    <t>CASS</t>
  </si>
  <si>
    <t>CLARK</t>
  </si>
  <si>
    <t>CLAY</t>
  </si>
  <si>
    <t>CLINTON</t>
  </si>
  <si>
    <t>CRAWFORD</t>
  </si>
  <si>
    <t>DAVIESS</t>
  </si>
  <si>
    <t>DE KALB</t>
  </si>
  <si>
    <t>DEARBORN</t>
  </si>
  <si>
    <t>DECATUR</t>
  </si>
  <si>
    <t>DELAWARE</t>
  </si>
  <si>
    <t>DUBOIS</t>
  </si>
  <si>
    <t>ELKHART</t>
  </si>
  <si>
    <t>FAYETTE</t>
  </si>
  <si>
    <t>FLOYD</t>
  </si>
  <si>
    <t>FOUNTAIN</t>
  </si>
  <si>
    <t>FRANKLIN</t>
  </si>
  <si>
    <t>FULTON</t>
  </si>
  <si>
    <t>GIBSON</t>
  </si>
  <si>
    <t>GRANT</t>
  </si>
  <si>
    <t>GREENE</t>
  </si>
  <si>
    <t>HAMILTON</t>
  </si>
  <si>
    <t>HANCOCK</t>
  </si>
  <si>
    <t>HARRISON</t>
  </si>
  <si>
    <t>HENDRICKS</t>
  </si>
  <si>
    <t>HENRY</t>
  </si>
  <si>
    <t>HOWARD</t>
  </si>
  <si>
    <t>HUNTINGTON</t>
  </si>
  <si>
    <t>JACKSON</t>
  </si>
  <si>
    <t>JASPER</t>
  </si>
  <si>
    <t>JAY</t>
  </si>
  <si>
    <t>JEFFERSON</t>
  </si>
  <si>
    <t>JENNINGS</t>
  </si>
  <si>
    <t>JOHNSON</t>
  </si>
  <si>
    <t>KNOX</t>
  </si>
  <si>
    <t>KOSCIUSKO</t>
  </si>
  <si>
    <t>LA PORTE</t>
  </si>
  <si>
    <t>LAGRANGE</t>
  </si>
  <si>
    <t>LAKE</t>
  </si>
  <si>
    <t>LAWRENCE</t>
  </si>
  <si>
    <t>MADISON</t>
  </si>
  <si>
    <t>MARION</t>
  </si>
  <si>
    <t>MARSHALL</t>
  </si>
  <si>
    <t>MARTIN</t>
  </si>
  <si>
    <t>MIAMI</t>
  </si>
  <si>
    <t>MONROE</t>
  </si>
  <si>
    <t>MONTGOMERY</t>
  </si>
  <si>
    <t>MORGAN</t>
  </si>
  <si>
    <t>NEWTON</t>
  </si>
  <si>
    <t>NOBLE</t>
  </si>
  <si>
    <t>OHIO</t>
  </si>
  <si>
    <t>ORANGE</t>
  </si>
  <si>
    <t>OWEN</t>
  </si>
  <si>
    <t>PARKE</t>
  </si>
  <si>
    <t>PERRY</t>
  </si>
  <si>
    <t>PIKE</t>
  </si>
  <si>
    <t>PORTER</t>
  </si>
  <si>
    <t>POSEY</t>
  </si>
  <si>
    <t>PULASKI</t>
  </si>
  <si>
    <t>PUTNAM</t>
  </si>
  <si>
    <t>RANDOLPH</t>
  </si>
  <si>
    <t>RIPLEY</t>
  </si>
  <si>
    <t>RUSH</t>
  </si>
  <si>
    <t>SCOTT</t>
  </si>
  <si>
    <t>SHELBY</t>
  </si>
  <si>
    <t>SPENCER</t>
  </si>
  <si>
    <t>ST JOSEPH</t>
  </si>
  <si>
    <t>STARKE</t>
  </si>
  <si>
    <t>STEUBEN</t>
  </si>
  <si>
    <t>SULLIVAN</t>
  </si>
  <si>
    <t>SWITZERLAND</t>
  </si>
  <si>
    <t>TIPPECANOE</t>
  </si>
  <si>
    <t>TIPTON</t>
  </si>
  <si>
    <t>UNION</t>
  </si>
  <si>
    <t>VANDERBURGH</t>
  </si>
  <si>
    <t>VERMILLION</t>
  </si>
  <si>
    <t>VIGO</t>
  </si>
  <si>
    <t>WABASH</t>
  </si>
  <si>
    <t>WARREN</t>
  </si>
  <si>
    <t>WARRICK</t>
  </si>
  <si>
    <t>WASHINGTON</t>
  </si>
  <si>
    <t>WAYNE</t>
  </si>
  <si>
    <t>WELLS</t>
  </si>
  <si>
    <t>WHITE</t>
  </si>
  <si>
    <t>WHITLEY</t>
  </si>
  <si>
    <t>Indiana County of Residence as of January 1:</t>
  </si>
  <si>
    <t>IN_WH_4_ddlIndianaCountyOfResidence</t>
  </si>
  <si>
    <t>1. You are entitled to one exemption.</t>
  </si>
  <si>
    <t>StateWithholding.IN.0</t>
  </si>
  <si>
    <t>2. If you are married and your spouse does not claim his/her exemption, you may claim it, enter "1"</t>
  </si>
  <si>
    <t>StateWithholding.IN.5</t>
  </si>
  <si>
    <t xml:space="preserve">5.  Add lines 1, 2, 3 and 4. Enter the total here </t>
  </si>
  <si>
    <t>StateWithholding.IN.4.0</t>
  </si>
  <si>
    <t>6.  You are entitled to claim an additional exemption for each qualifying dependent</t>
  </si>
  <si>
    <t>StateWithholding.IN.4.1</t>
  </si>
  <si>
    <t>7.  Enter the amount of additional state withholding (if any) you want withheld each pay period</t>
  </si>
  <si>
    <t>StateWithholding.IN.4.2</t>
  </si>
  <si>
    <t>8.  Enter the amount of additional county withholding (if any) you want withheld each pay period</t>
  </si>
  <si>
    <t>StateWithholding.IN.4.3</t>
  </si>
  <si>
    <t>3.  You are allowed one (1) exemption for each dependent. Enter number claimed</t>
  </si>
  <si>
    <t>StateWithholding.IN.1</t>
  </si>
  <si>
    <t>Enter the total number of boxes checked</t>
  </si>
  <si>
    <t>StateWithholding.IN.IN_WH_4_txtTotal</t>
  </si>
  <si>
    <t>Iowa State Withholding</t>
  </si>
  <si>
    <t>Select marital status</t>
  </si>
  <si>
    <t>radio button</t>
  </si>
  <si>
    <t>StateWithholding.IA.IA_W_4_Marital</t>
  </si>
  <si>
    <t>rbtnMaritalStatusSingle</t>
  </si>
  <si>
    <t>rbtnMaritalStatusMarried</t>
  </si>
  <si>
    <t>Exempt Status</t>
  </si>
  <si>
    <t>StateWithholding.IA.IA_W_4_txtExempt</t>
  </si>
  <si>
    <t>btnNo</t>
  </si>
  <si>
    <t>1. Personal allowances</t>
  </si>
  <si>
    <t>StateWithholding.IA.IA_W_4_txt1</t>
  </si>
  <si>
    <t>2. Allowances for dependents</t>
  </si>
  <si>
    <t>StateWithholding.IA.IA_W_4_txt2</t>
  </si>
  <si>
    <t>3. Allowances for itemized deductions</t>
  </si>
  <si>
    <t>StateWithholding.IA.IA_W_4_txt3</t>
  </si>
  <si>
    <t>4. Allowances for adjustments to income</t>
  </si>
  <si>
    <t>StateWithholding.IA.IA_W_4_txt31</t>
  </si>
  <si>
    <t>5. Allowances for child and dependent care credit</t>
  </si>
  <si>
    <t>StateWithholding.IA.IA_W_4_txt4</t>
  </si>
  <si>
    <t>6. Total allowances. Add lines 1 through 5.</t>
  </si>
  <si>
    <t>StateWithholding.IA.IA_W_4_txt5</t>
  </si>
  <si>
    <t>7. Additional amount, if any, you want deducted each pay period</t>
  </si>
  <si>
    <t>StateWithholding.IA.IA_W_4_txt6</t>
  </si>
  <si>
    <t>btnYes</t>
  </si>
  <si>
    <t>If you do not expect to owe any Iowa income tax and have a right to a full refund of ALL income tax withheld, enter the year effective here</t>
  </si>
  <si>
    <t>StateWithholding.IA.IA_W_4_txtExYear</t>
  </si>
  <si>
    <t>Military Spouse Exempt Status</t>
  </si>
  <si>
    <t>StateWithholding.IA.MilitarySpouse</t>
  </si>
  <si>
    <t>list item</t>
  </si>
  <si>
    <t>(if EXEMPT) Select your state of domicile:</t>
  </si>
  <si>
    <t>StateWithholding.IA.StateOfDomicile</t>
  </si>
  <si>
    <t>Existing list, States</t>
  </si>
  <si>
    <t>IA_W_4_chkAgree</t>
  </si>
  <si>
    <t>(a) Enter "1" for yourself</t>
  </si>
  <si>
    <t>IA_W_4_txtPD1_A</t>
  </si>
  <si>
    <t>(b) Enter "2" if you are unmarried and eligible to claim head of household status:</t>
  </si>
  <si>
    <t>IA_W_4_txtPD1_B</t>
  </si>
  <si>
    <t>(c) Enter "1" if you are 65 or older</t>
  </si>
  <si>
    <t>IA_W_4_txtPD1_C</t>
  </si>
  <si>
    <t>(d) Enter "1" if you are blind</t>
  </si>
  <si>
    <t>IA_W_4_txtPD1_D</t>
  </si>
  <si>
    <t>(e) Select Yes, if you are married and your spouse either does not work or is not claiming his/her allowances on a separate W4; otherwise select No:</t>
  </si>
  <si>
    <t>IA_W_4_YesPD1_E</t>
  </si>
  <si>
    <t>(f) Is your spouse 65 or over:</t>
  </si>
  <si>
    <t>IA_W_4_YesPD1_F</t>
  </si>
  <si>
    <t>(g) Is your spouse blind?</t>
  </si>
  <si>
    <t>IA_W_4_YesPD1_G</t>
  </si>
  <si>
    <t>(total sum of e, f, and g)</t>
  </si>
  <si>
    <t>IA_W_4_txtPD1_EFG</t>
  </si>
  <si>
    <t>2. Enter number of dependent you will be able to claim in your Iowa income tax return.</t>
  </si>
  <si>
    <t>IA_W_4_txtPD2</t>
  </si>
  <si>
    <t>(a) Enter total amount of estimated itemized deductions</t>
  </si>
  <si>
    <t>StateWithholding.IA.IA_W_4_txt3a</t>
  </si>
  <si>
    <t xml:space="preserve">(b) Enter amount of your standard deduction using the following information: </t>
  </si>
  <si>
    <t>StateWithholding.IA.IA_W_4_txt3b</t>
  </si>
  <si>
    <t>IA_W_4_txt3b_ddl</t>
  </si>
  <si>
    <t>Single, married filing separately on a combined return or married filing separate returns</t>
  </si>
  <si>
    <t>option1WS2</t>
  </si>
  <si>
    <t>Married filing a joint return, unmarried head of household or qualifying widow(er)</t>
  </si>
  <si>
    <t>option2WS2</t>
  </si>
  <si>
    <t>(c) Subtract line (b) from line (a) and enter the difference or zero, whichever is greater</t>
  </si>
  <si>
    <t>StateWithholding.IA.IA_W_4_txt3c</t>
  </si>
  <si>
    <t>(d) Additional allowance: Divide the amount on line (c) by $600, round to the nearest whole number and enter on line 3 of the IA W4.</t>
  </si>
  <si>
    <t>IA_W_4_txtPD3_D</t>
  </si>
  <si>
    <t>Select Iowa Net Income</t>
  </si>
  <si>
    <t>IA_W_4_selTotaIowaIncome</t>
  </si>
  <si>
    <t>option</t>
  </si>
  <si>
    <t>(blank)</t>
  </si>
  <si>
    <t>$0 - $19,999</t>
  </si>
  <si>
    <t>$20,000 - $34,999</t>
  </si>
  <si>
    <t>$35,000 - $44,999</t>
  </si>
  <si>
    <t>$45,000 or over</t>
  </si>
  <si>
    <t>Allowances Allowed</t>
  </si>
  <si>
    <t>IA_W_4_txtAllowancesAllowed</t>
  </si>
  <si>
    <t>Kansas State Withholding (no change)</t>
  </si>
  <si>
    <t>Allowance Rate</t>
  </si>
  <si>
    <t>StateWithholding.KS.K_4_FilingStatus</t>
  </si>
  <si>
    <t>JOINT</t>
  </si>
  <si>
    <t>J</t>
  </si>
  <si>
    <t>I claim exemption</t>
  </si>
  <si>
    <t>StateWithholding.KS.K_4_Exemption</t>
  </si>
  <si>
    <t>NOT EXEMPT</t>
  </si>
  <si>
    <t>Total number of allowances</t>
  </si>
  <si>
    <t>StateWithholding.KS.K_4_TotalAllNum</t>
  </si>
  <si>
    <t>Enter any additional amount</t>
  </si>
  <si>
    <t>StateWithholding.KS.K_4_AddAmt</t>
  </si>
  <si>
    <t>Personal Allowance Worksheet</t>
  </si>
  <si>
    <t>StateWithholding.KS.K_4_B</t>
  </si>
  <si>
    <t>StateWithholding.KS.K_4_C</t>
  </si>
  <si>
    <t>StateWithholding.KS.K_4_D</t>
  </si>
  <si>
    <t>StateWithholding.KS.K_4_E</t>
  </si>
  <si>
    <t>StateWithholding.KS.K_4_F</t>
  </si>
  <si>
    <t>Kentucky State Withholding</t>
  </si>
  <si>
    <t>Comments</t>
  </si>
  <si>
    <t>Check If Exempt:</t>
  </si>
  <si>
    <t>StateWithholdingKY_KY_K_4_Ex_CheckIfExepmtDdl</t>
  </si>
  <si>
    <t>1. Kentucky income tax liability is not expected this year (see instructions)</t>
  </si>
  <si>
    <t>NoExpKyITLiability</t>
  </si>
  <si>
    <t>2. You qualify for the Fort Campbell Exemption Certificate</t>
  </si>
  <si>
    <t>FortCampExpCertificate</t>
  </si>
  <si>
    <t>3. You qualify for the nonresident military spouse exemption</t>
  </si>
  <si>
    <t>NonResMltrSpouseExmpt</t>
  </si>
  <si>
    <t>4. You work in Kentucky and reside in a reciprocal state</t>
  </si>
  <si>
    <t>ResdResiprocalStExmpt</t>
  </si>
  <si>
    <t>I am a resident of</t>
  </si>
  <si>
    <t>StateWithholdingKY_KY_K_4_Ex_ResCountryDdl</t>
  </si>
  <si>
    <t>Existing list (Countries)</t>
  </si>
  <si>
    <t xml:space="preserve"> in the state of</t>
  </si>
  <si>
    <t>StateWithholdingKY_KY_K_4_Ex_ResStateDdl</t>
  </si>
  <si>
    <t>Existing list (States)</t>
  </si>
  <si>
    <t>1. My spouse is a military servicemember...(check one)</t>
  </si>
  <si>
    <t>StateWithholdingKY_KY_K_4_Ex_MilitarySpEx_Chk1</t>
  </si>
  <si>
    <t>changed to a check box</t>
  </si>
  <si>
    <t>2. I am NOT a military servicemember....(check one)</t>
  </si>
  <si>
    <t>StateWithholdingKY_KY_K_4_Ex_MilitarySpEx_Chk2</t>
  </si>
  <si>
    <t>3. My military servicemember spouse has a current military order assigning him or her to a military location in Kentucky.....(check one)</t>
  </si>
  <si>
    <t>StateWithholdingKY_KY_K_4_Ex_MilitarySpEx_Chk3</t>
  </si>
  <si>
    <t>4. I and my military servicemember spouse live at the same address.....(check one)</t>
  </si>
  <si>
    <t>StateWithholdingKY_KY_K_4_Ex_MilitarySpEx_Chk4</t>
  </si>
  <si>
    <t>5. My domicile is a state other than Kentucky......(check one)</t>
  </si>
  <si>
    <t>StateWithholdingKY_KY_K_4_Ex_MilitarySpEx_Chk5</t>
  </si>
  <si>
    <t>If yes, enter the 2-letter state code of your state</t>
  </si>
  <si>
    <t>StateWithholdingKY_KY_K_4_Ex_MilitarySpEx_DomicileStCode</t>
  </si>
  <si>
    <t>6. My military servicemember spouse’s domicile is the same as mine......(check one)</t>
  </si>
  <si>
    <t>StateWithholdingKY_KY_K_4_Ex_MilitarySpEx_Rb6</t>
  </si>
  <si>
    <t>Yes or No</t>
  </si>
  <si>
    <t>This field has been removed from the form</t>
  </si>
  <si>
    <t>7. I am present in Kentucky solely to be with my military servicemember spouse.....(check one)</t>
  </si>
  <si>
    <t>StateWithholdingKY_KY_K_4_Ex_MilitarySpEx_Chk7</t>
  </si>
  <si>
    <t>Resident of Reciprocal State Exemption</t>
  </si>
  <si>
    <t>StateWithholdingKY_KY_K_4_Ex_ResideRprlState_Rb</t>
  </si>
  <si>
    <t>Illinois</t>
  </si>
  <si>
    <t>radiobuttonvalue</t>
  </si>
  <si>
    <t>Michigan</t>
  </si>
  <si>
    <t>WestVirginia</t>
  </si>
  <si>
    <t>Wisconsin</t>
  </si>
  <si>
    <t>Ohio</t>
  </si>
  <si>
    <t>Additional withholding per pay period under agreement with employer</t>
  </si>
  <si>
    <t>StateWithholdingKY_KY_K_4_txtAddlWHAmt</t>
  </si>
  <si>
    <t xml:space="preserve">Under penalties of perjury, I declare that I have examined this certificate and, to the best of my knowledge and belief, it is true, correct, and complete.     </t>
  </si>
  <si>
    <t>StateWithholdingKY_KY_K_4_ChkAgree</t>
  </si>
  <si>
    <t>Maine State Withholding (no change)</t>
  </si>
  <si>
    <t>I agree that the allowances</t>
  </si>
  <si>
    <t>ME_W_4ME_chkAgree</t>
  </si>
  <si>
    <t>Filing Status</t>
  </si>
  <si>
    <t>StateWithholding.ME.ME_W_4ME_ddlFilingStatus</t>
  </si>
  <si>
    <t>text_key</t>
  </si>
  <si>
    <t>ME_W_4ME_ddlFilingStatus_Text</t>
  </si>
  <si>
    <t>ListItem Value</t>
  </si>
  <si>
    <t>MARRIED, BUT WITHHOLDING AT HIGHER SINGLE RATE</t>
  </si>
  <si>
    <t>Total number of allowances you are claiming from line D</t>
  </si>
  <si>
    <t>StateWithholding.ME.0</t>
  </si>
  <si>
    <t>Additional amount, if any, you want withheld from your paycheck</t>
  </si>
  <si>
    <t>StateWithholding.ME.ME_W_4ME_txtAddlWHAmt</t>
  </si>
  <si>
    <t>A. Number of allowances claimed on federal Form W-4, line 5 or Form W-4P, line 2.</t>
  </si>
  <si>
    <t>StateWithholding.ME.0_2</t>
  </si>
  <si>
    <t>B. Less: Number of allowances claimed for the child tax credit and the credit for other dependents, Lines E and F, on the Personal Allowances Worksheet of federal Form W-4 or federal Form W-4P</t>
  </si>
  <si>
    <t>StateWithholding.ME.1</t>
  </si>
  <si>
    <t xml:space="preserve">C. Add: Total number of children and dependents that qualify for the Maine dependent exemption tax credit </t>
  </si>
  <si>
    <t>StateWithholding.ME.2</t>
  </si>
  <si>
    <t>D. Maximum number of allowances for Maine purposes (line A minus line B plus line C).</t>
  </si>
  <si>
    <t>StateWithholding.ME.3</t>
  </si>
  <si>
    <t xml:space="preserve">(a) You claimed "Exempt" on line 7 of your federal Form W-4 </t>
  </si>
  <si>
    <t>StateWithholding.ME.ME_W_4ME_txtExempt</t>
  </si>
  <si>
    <t xml:space="preserve">(b) You completed federal Form W-4P and checked the box on line 1 </t>
  </si>
  <si>
    <t>StateWithholding.ME.ME_W_4ME_chbCheckBox22</t>
  </si>
  <si>
    <t>(c) You are a resident employee with no Maine tax liability in prior or current year</t>
  </si>
  <si>
    <t>ME_chbC</t>
  </si>
  <si>
    <t>(d) You are a recipient of periodic retirement payments with no tax liability in prior or current year</t>
  </si>
  <si>
    <t>ME_chbD</t>
  </si>
  <si>
    <t>(e) Your spouse is a member of the military assigned to a location in Maine and you qualify for exemption under the Military Spouse’s Residency Relief Act.</t>
  </si>
  <si>
    <t>ME_chbE</t>
  </si>
  <si>
    <t>Maryland MW 507 State Withholding (no change)</t>
  </si>
  <si>
    <t>County of Residence:</t>
  </si>
  <si>
    <t>MD_CountyOfResidence</t>
  </si>
  <si>
    <t>default list of countries</t>
  </si>
  <si>
    <t>MD_ddlFilingStatus</t>
  </si>
  <si>
    <t>MARRIED, BUT WITHHOLD AT SINGLE RATE</t>
  </si>
  <si>
    <t>1. Total number of exemptions you are claiming not to exceed line f in   this worksheet</t>
  </si>
  <si>
    <t>StateWithholding.MD.MD_MW_507_txt1</t>
  </si>
  <si>
    <t>2. Additional withholding per pay period under agreement with employer</t>
  </si>
  <si>
    <t>StateWithholding.MD.MD_MW_507_txt2</t>
  </si>
  <si>
    <t xml:space="preserve">a. Last year I did not owe any Maryland income tax </t>
  </si>
  <si>
    <t>StateWithholding.MD.MD_MW_507_chb3a</t>
  </si>
  <si>
    <t>b. This year I do not expect to owe any Maryland income tax</t>
  </si>
  <si>
    <t>StateWithholding.MD.MD_MW_507_chb3b</t>
  </si>
  <si>
    <t>If both a and b apply, enter year applicable</t>
  </si>
  <si>
    <t>StateWithholding.MD.MD_MW_507_txtYear</t>
  </si>
  <si>
    <t>Enter "EXEMPT" here</t>
  </si>
  <si>
    <t>StateWithholding.MD.MD_MW_507_txt3exempt</t>
  </si>
  <si>
    <t>District of Columbia</t>
  </si>
  <si>
    <t>StateWithholding.MD.MD_MW_507_chbDC</t>
  </si>
  <si>
    <t>StateWithholding.MD.MD_MW_507_chbVirg</t>
  </si>
  <si>
    <t>West Virginia</t>
  </si>
  <si>
    <t>StateWithholding.MD.MD_MW_507_chbWV</t>
  </si>
  <si>
    <t>StateWithholding.MD.MD_MW_507_txt4</t>
  </si>
  <si>
    <t>5. I claim exemption from Maryland state withholding because I am domiciled in the Commonwealth of Pennsylvania</t>
  </si>
  <si>
    <t>StateWithholding.MD.MD_MW_507_cbkPoint5</t>
  </si>
  <si>
    <t>StateWithholding.MD.MD_MW_507_txt5Exempt</t>
  </si>
  <si>
    <t>6. I claim exemption from Maryland local tax because I live in a local Pennysylvania jurisdiction within York or Adams counties</t>
  </si>
  <si>
    <t>StateWithholding.MD.MD_MW_507_cbkPoint6</t>
  </si>
  <si>
    <t>StateWithholding.MD.MD_MW_507_txt6Exempt</t>
  </si>
  <si>
    <t>7. I claim exemption from Maryland local tax because I live in a local Pennsylvania jurisdiction that does not impose an earnings or income tax on Maryland residents</t>
  </si>
  <si>
    <t>StateWithholding.MD.MD_MW_507_cbkPoint7</t>
  </si>
  <si>
    <t>StateWithholding.MD.MD_MW_507_txt7Exempt</t>
  </si>
  <si>
    <t xml:space="preserve">8. I certify that I am a legal resident of the state of </t>
  </si>
  <si>
    <t>MD_ResidenceState</t>
  </si>
  <si>
    <t>(Default list of states)</t>
  </si>
  <si>
    <t>StateWithholding.MD.MD_MW_507_chbMilitarySpouse</t>
  </si>
  <si>
    <t>StateWithholding.MD.MD_MW_507_txt8</t>
  </si>
  <si>
    <t>MD_MW_507_chkAgree</t>
  </si>
  <si>
    <t>Personal Exemptions</t>
  </si>
  <si>
    <t>StateWithholding.MD.MD_MW_507_txtWS_pe</t>
  </si>
  <si>
    <t>Number of dependents over 65</t>
  </si>
  <si>
    <t>StateWithholding.MD.MD_MW_507_txtWS_dep</t>
  </si>
  <si>
    <t>Your Federal AGI is between</t>
  </si>
  <si>
    <t>StateWithholding.MD.MD_MW_507_ddlX</t>
  </si>
  <si>
    <t>Your Exemption is</t>
  </si>
  <si>
    <t>StateWithholding.MD.MD_MW_507_txtWS_exemp</t>
  </si>
  <si>
    <t xml:space="preserve">a. Multiply the number of your personal exemptions </t>
  </si>
  <si>
    <t>StateWithholding.MD.MD_MW_507_txtLine1A</t>
  </si>
  <si>
    <t>b. Multiply the number of additional exemptions</t>
  </si>
  <si>
    <t>StateWithholding.MD.MD_MW_507_txtLine1B</t>
  </si>
  <si>
    <t>c. Enter the estimated amount of your itemized deductions</t>
  </si>
  <si>
    <t>StateWithholding.MD.MD_MW_507_txtLine1C</t>
  </si>
  <si>
    <t>d. Enter $1,000 for additional exemptions for taxpayer and/or spouse age 65 or over and/or blind</t>
  </si>
  <si>
    <t>StateWithholding.MD.MD_MW_507_txtLine1D</t>
  </si>
  <si>
    <t>e. Add total of lines a through d</t>
  </si>
  <si>
    <t>StateWithholding.MD.MD_MW_507_txtLine1E</t>
  </si>
  <si>
    <t>f. Divide the amount on line e by $3,200</t>
  </si>
  <si>
    <t>StateWithholding.MD.MD_MW_507_txtWS_F</t>
  </si>
  <si>
    <t>Maryland MW 507M State Withholding (no change)</t>
  </si>
  <si>
    <t>a. I am not a member of the U.S. armed forces</t>
  </si>
  <si>
    <t>radiobuttongrp</t>
  </si>
  <si>
    <t>StateWithholding.MD.MD_MW_507M_NotMilitaryServiceMember</t>
  </si>
  <si>
    <t xml:space="preserve">radiobutton  </t>
  </si>
  <si>
    <t>rbtNotMilitaryServiceMemberYes</t>
  </si>
  <si>
    <t>rbtNotMilitaryServiceMemberNo</t>
  </si>
  <si>
    <t>b. I am married to an active duty member of the U.S. armed forces</t>
  </si>
  <si>
    <t>rbtMilitarySpouseYes</t>
  </si>
  <si>
    <t>rbtMilitarySpouseNo</t>
  </si>
  <si>
    <t>c. I am domiciled in a state other than Maryland</t>
  </si>
  <si>
    <t>StateWithholding.MD.MD_MW_507M_StateOtherThanMaryland</t>
  </si>
  <si>
    <t>rbtStateOtherThanMarylandYes</t>
  </si>
  <si>
    <t>rbtStateOtherThanMarylandNo</t>
  </si>
  <si>
    <t>d. My military spouse's permanent duty station is in Maryland</t>
  </si>
  <si>
    <t>StateWithholding.MD.MD_MW_507M_PresentInMaryland</t>
  </si>
  <si>
    <t>rbtPresentInMarylandYes</t>
  </si>
  <si>
    <t>rbtPresentInMarylandNo</t>
  </si>
  <si>
    <t xml:space="preserve">e. I am residing and working in Maryland only to be with my military spouse </t>
  </si>
  <si>
    <t>StateWithholding.MD.MD_MW_507M_LiveWithSpouse</t>
  </si>
  <si>
    <t>rbtLiveWithSpouseYes</t>
  </si>
  <si>
    <t>rbtLiveWithSpouseNo</t>
  </si>
  <si>
    <t>State of domicile</t>
  </si>
  <si>
    <t>StateWithholding.MD.StateOfDomicile</t>
  </si>
  <si>
    <t>(Default list of countries)</t>
  </si>
  <si>
    <t xml:space="preserve">I want to opt out of the exemption for military spouse's and withhold Maryland taxes </t>
  </si>
  <si>
    <t>StateWithholding.MD.MD_MW_507M_OptOutExemption</t>
  </si>
  <si>
    <t>rbtOptOutExemptionYes</t>
  </si>
  <si>
    <t>rbtOptOutExemptionNo</t>
  </si>
  <si>
    <t>Minnesota State Withholding</t>
  </si>
  <si>
    <t>ddlMaritalStatus</t>
  </si>
  <si>
    <t>StateWithholding.MN.MN_W4_MaritalStatus</t>
  </si>
  <si>
    <t>value</t>
  </si>
  <si>
    <t>married, but legally separated</t>
  </si>
  <si>
    <t>SM</t>
  </si>
  <si>
    <t>married, but spouse is a nonresident alien</t>
  </si>
  <si>
    <t>SMA</t>
  </si>
  <si>
    <t>married</t>
  </si>
  <si>
    <t>married, but withholding at higher single rate</t>
  </si>
  <si>
    <t>SectionSelect</t>
  </si>
  <si>
    <t>StateWithholding.MN.MN_W4_SectionSelect</t>
  </si>
  <si>
    <t>Section 1 — Determining Minnesota Allowances</t>
  </si>
  <si>
    <t>rbSectionOne</t>
  </si>
  <si>
    <t>One</t>
  </si>
  <si>
    <t>Section 2 — Exemption from Minnesota withholding</t>
  </si>
  <si>
    <t>rbSectionTwo</t>
  </si>
  <si>
    <t>Two</t>
  </si>
  <si>
    <t>A. Enter “1” for yourself if no one else can claim you as a dependent</t>
  </si>
  <si>
    <t>text</t>
  </si>
  <si>
    <t>StateWithholding.MN.AllowancesA</t>
  </si>
  <si>
    <t>B. Enter “1” If</t>
  </si>
  <si>
    <t>StateWithholding.MN.AllowancesB</t>
  </si>
  <si>
    <t>C. Enter “1” for your spouse.</t>
  </si>
  <si>
    <t>StateWithholding.MN.AllowancesC</t>
  </si>
  <si>
    <t>D. Enter the number of dependents (other than your spouse or yourself) you will claim on your tax return.</t>
  </si>
  <si>
    <t>StateWithholding.MN.AllowancesD</t>
  </si>
  <si>
    <t>E. Enter “1” if you will file as Head of Household (see instructions for qualifying as Head of Household).</t>
  </si>
  <si>
    <t>StateWithholding.MN.AllowancesE</t>
  </si>
  <si>
    <t>F. Total number of allowances you are claiming. Add steps A through E.</t>
  </si>
  <si>
    <t>StateWithholding.MN.AllowancesF</t>
  </si>
  <si>
    <t>SectionTwo</t>
  </si>
  <si>
    <t>StateWithholding.MN.MN_W4_SectionTwo</t>
  </si>
  <si>
    <t xml:space="preserve">I meet the requirements and claim exempt from both federal and Minnesota income tax withholding. </t>
  </si>
  <si>
    <t>rbSectionTwoA</t>
  </si>
  <si>
    <t xml:space="preserve"> Even though I did not claim exempt from federal withholding, I claim exempt from Minnesota withholding because I had no Minnesota income tax liability last year, I received a refund of all Minnesota income tax withheld, AND I expect to have no Minnesota income tax liability this year. </t>
  </si>
  <si>
    <t>rbSectionTwoB</t>
  </si>
  <si>
    <t>My spouse is a military service member assigned to a military location in Minnesota, my domicile (legal residence) is in another state, AND I am in Minnesota solely to be with my spouse. My state of domicile is</t>
  </si>
  <si>
    <t>rbSectionTwoC</t>
  </si>
  <si>
    <t>I am an American Indian living and working on a reservation.</t>
  </si>
  <si>
    <t>rbSectionTwoD</t>
  </si>
  <si>
    <t>I am a member of the Minnesota National Guard or an active duty U.S. military member and claim exempt from Minnesota withholding on my military pay.</t>
  </si>
  <si>
    <t>rbSectionTwoE</t>
  </si>
  <si>
    <t xml:space="preserve">I receive a military pension or other military retirement pay as calculated under U.S. Code, title 10, sections 1401 through 1414, 1447 through 1455, and 12733 and claim exempt from Minnesota withholding on this retirement pay. </t>
  </si>
  <si>
    <t>rbSectionTwoF</t>
  </si>
  <si>
    <t>ddlStateOfResidence</t>
  </si>
  <si>
    <t>StateWithholding.MN.MN_W4_StateOfResidence</t>
  </si>
  <si>
    <t>Minnesota Allowances (Step F from Section 1 Worksheet or Step 10 of the Itemized Deductions Worksheet</t>
  </si>
  <si>
    <t>StateWithholding.MN.AllowancesWithholdings1</t>
  </si>
  <si>
    <t>2 Additional Minnesota withholding you want deducted each pay period (see instructions</t>
  </si>
  <si>
    <t>StateWithholding.MN.AllowancesWithholdings2</t>
  </si>
  <si>
    <t>1 Enter an estimate of your 2019 Minnesota itemized deductions. For 2019, you may have to reduce your itemized deductions if your income is over $194,650 ($97,325 if you are married filing separately</t>
  </si>
  <si>
    <t>StateWithholding.MN.Deduction1</t>
  </si>
  <si>
    <t>2 Enter a. $13,300 if married filing joint b. $9,750 if head of household c. $6,650 if single or married filing separately</t>
  </si>
  <si>
    <t>StateWithholding.MN.Deduction2</t>
  </si>
  <si>
    <t>3  Subtract line 2 from line 1. If zero or less enter 0</t>
  </si>
  <si>
    <t>StateWithholding.MN.Deduction3</t>
  </si>
  <si>
    <t>4 Enter an estimate of your 2019 additional standard deduction</t>
  </si>
  <si>
    <t>StateWithholding.MN.Deduction4</t>
  </si>
  <si>
    <t>5 Add lines 3 and 4 and enter the total</t>
  </si>
  <si>
    <t>StateWithholding.MN.Deduction5</t>
  </si>
  <si>
    <t>6 Enter an estimate of your 2019 taxable nonwage income</t>
  </si>
  <si>
    <t>StateWithholding.MN.Deduction6</t>
  </si>
  <si>
    <t>7 Subtract line 6 from line 5. If zero, enter “0”. If less than zero, enter the amount in parentheses</t>
  </si>
  <si>
    <t>StateWithholding.MN.Deduction7</t>
  </si>
  <si>
    <t>8 Divide the amount on line 7 by $4,250 and enter the result here. If a negative amount, enter in parentheses. Do not include fractions</t>
  </si>
  <si>
    <t>StateWithholding.MN.Deduction8</t>
  </si>
  <si>
    <t>9  Enter the number on step F of Section 1 on page 1</t>
  </si>
  <si>
    <t>StateWithholding.MN.Deduction9</t>
  </si>
  <si>
    <t>10  Add lines 8 and 9 and enter the total here.If zero or less, enter “0”. Enter this amount on line 1 of page 1</t>
  </si>
  <si>
    <t>StateWithholding.MN.Deduction10</t>
  </si>
  <si>
    <t>chkAgree</t>
  </si>
  <si>
    <t>MN_W4_chkAgree</t>
  </si>
  <si>
    <t>Mississippi State Withholding (no change)</t>
  </si>
  <si>
    <t>1. Single</t>
  </si>
  <si>
    <t>StateWithholding.MS.chbSingle</t>
  </si>
  <si>
    <t>Amount claimed:</t>
  </si>
  <si>
    <t>StateWithholding.MS.0</t>
  </si>
  <si>
    <t>2. Married</t>
  </si>
  <si>
    <t>Spouse is not employed</t>
  </si>
  <si>
    <t>StateWithholding.MS.2</t>
  </si>
  <si>
    <t>StateWithholding.MS.6</t>
  </si>
  <si>
    <t>StateWithholding.MS.ddlmb</t>
  </si>
  <si>
    <t>MS_89_350_txtDollarAmt.3_text</t>
  </si>
  <si>
    <t>3. Head of family</t>
  </si>
  <si>
    <t>StateWithholding.MS.5</t>
  </si>
  <si>
    <t>StateWithholding.MS.HeadFamily</t>
  </si>
  <si>
    <t>4. Dependents</t>
  </si>
  <si>
    <t>Enter number of dependents claimed:</t>
  </si>
  <si>
    <t>StateWithholding.MS.MS_89_350_NumOfDep</t>
  </si>
  <si>
    <t>StateWithholding.MS.Dependents</t>
  </si>
  <si>
    <t>Age 65 or older</t>
  </si>
  <si>
    <t xml:space="preserve">Husband </t>
  </si>
  <si>
    <t>StateWithholding.MS.1</t>
  </si>
  <si>
    <t>Wife</t>
  </si>
  <si>
    <t>StateWithholding.MS.3</t>
  </si>
  <si>
    <t>StateWithholding.MS.8</t>
  </si>
  <si>
    <t>Blind</t>
  </si>
  <si>
    <t>Husband</t>
  </si>
  <si>
    <t>StateWithholding.MS.4</t>
  </si>
  <si>
    <t>StateWithholding.MS.7</t>
  </si>
  <si>
    <t>StateWithholding.MS.9</t>
  </si>
  <si>
    <t>StateWithholding.MS.BlindnessExemption</t>
  </si>
  <si>
    <t>6. TOTAL AMOUNT OF EXEMPTION CLAIMED</t>
  </si>
  <si>
    <t>StateWithholding.MS.TotalAmount</t>
  </si>
  <si>
    <t>7. Additional dollar amount withholding per pay period if agreed to by your employer</t>
  </si>
  <si>
    <t>StateWithholding.MS.10</t>
  </si>
  <si>
    <t>8.  If you meet the conditions set forth under the Service Member Civil Relief, as amended by the Military Spouses Residency Relief Act and have no Mississippi tax liability, select "Exempt</t>
  </si>
  <si>
    <t>WH.MS.ExemptTaxWithholding</t>
  </si>
  <si>
    <t>WH.MS.ExemptTaxWithholding_text</t>
  </si>
  <si>
    <t>MS_89_350_chkAgree</t>
  </si>
  <si>
    <t>Missouri State Withholding</t>
  </si>
  <si>
    <t>MO_W_4_chkAgree</t>
  </si>
  <si>
    <t>EXEMPT STATUS:</t>
  </si>
  <si>
    <t>MO_W_4_ExemptText</t>
  </si>
  <si>
    <t>StateWithholding.MO.MO_W_4_Exempt</t>
  </si>
  <si>
    <t xml:space="preserve">I am exempt because I meet the conditions set forth under the Servicemember Civil Relief Act, as amended by the Military Spouses Residency Relief Act and have no Missouri tax liability. </t>
  </si>
  <si>
    <t>MO_W_4_ExemptMilitarySpouseText</t>
  </si>
  <si>
    <t>StateWithholding.MO.MO_W_4_ExemptMilitarySpouse</t>
  </si>
  <si>
    <t xml:space="preserve">I am exempt because my income is earned as a member of any active duty component of the Armed Forces of the United States and I am eligible for the military income deduction. </t>
  </si>
  <si>
    <t>MO_W_4_ExemptArmedForcesText</t>
  </si>
  <si>
    <t>StateWithholding.MO.MO_W_4_ExemptArmedForces</t>
  </si>
  <si>
    <t>FILING STATUS:</t>
  </si>
  <si>
    <t>MO_W_4_MaritalStatusText</t>
  </si>
  <si>
    <t>StateWithholding.MO.MO_W_4_MaritalStatus</t>
  </si>
  <si>
    <t>Single or Married Spouse Works or Married Filing Separate</t>
  </si>
  <si>
    <t>Married (Spouse does not work)</t>
  </si>
  <si>
    <t xml:space="preserve">ADDITIONAL WITHHOLDING: </t>
  </si>
  <si>
    <t>StateWithholding.MO.MO_W_4_txtAddlWHAmt</t>
  </si>
  <si>
    <t>REDUCED WITHHOLDING:</t>
  </si>
  <si>
    <t>StateWithholding.MO.MO_W_4_txtReducedWHAmt</t>
  </si>
  <si>
    <t>Montana State Withholding (New)</t>
  </si>
  <si>
    <t>A. Enter “1” for yourself</t>
  </si>
  <si>
    <t>StateWithholding.MT.Allowance_A</t>
  </si>
  <si>
    <t>B. Enter “1” if you have only one job</t>
  </si>
  <si>
    <t>StateWithholding.MT.Allowance_B</t>
  </si>
  <si>
    <t>C. Enter “1” for your spouse if you expect to file as married filing jointly</t>
  </si>
  <si>
    <t>StateWithholding.MT.Allowance_C</t>
  </si>
  <si>
    <t>D.      Enter the number of dependents</t>
  </si>
  <si>
    <t>StateWithholding.MT.Allowance_D</t>
  </si>
  <si>
    <t xml:space="preserve">E. Enter “1” if you will file as head of household </t>
  </si>
  <si>
    <t>StateWithholding.MT.Allowance_E</t>
  </si>
  <si>
    <t xml:space="preserve">F. Enter “1” if you expect to report large itemized deductions (medical, child and dependent care, etc.) </t>
  </si>
  <si>
    <t>StateWithholding.MT.Allowance_F</t>
  </si>
  <si>
    <t>G. Add lines A through F and enter the total here. This is your total number of allowances</t>
  </si>
  <si>
    <t>StateWithholding.MT.Allowance_G</t>
  </si>
  <si>
    <t>H. Additional amount, if any, you want withheld from each paycheck or pension and annuity payment</t>
  </si>
  <si>
    <t>StateWithholding.MT.Allowance_H</t>
  </si>
  <si>
    <t xml:space="preserve">Section 2: Exemption from Montana Withholding for Tax Year </t>
  </si>
  <si>
    <t>StateWithholding.MT.TaxYear</t>
  </si>
  <si>
    <t xml:space="preserve">a. I am an enrolled member of a registered tribe </t>
  </si>
  <si>
    <t>StateWithholding.MT.Exemption_A</t>
  </si>
  <si>
    <t>b. I am a member of the Reserve or National Guard</t>
  </si>
  <si>
    <t>StateWithholding.MT.Exemption_B</t>
  </si>
  <si>
    <t>c. I am a resident of North Dakota</t>
  </si>
  <si>
    <t>StateWithholding.MT.Exemption_C</t>
  </si>
  <si>
    <t>d. I am a resident of another state living in Montana solely to be with my spouse</t>
  </si>
  <si>
    <t>StateWithholding.MT.Exemption_D</t>
  </si>
  <si>
    <t>Under penalty of false swearing, I declare that I have examined this certificate and, to the best of my knowledge and belief, it is true, correct, and complete</t>
  </si>
  <si>
    <t>StateWithholding.MT.Acknowledgement</t>
  </si>
  <si>
    <t>Nebraska State Withholding</t>
  </si>
  <si>
    <t>Select Marital Status</t>
  </si>
  <si>
    <t>StateWithholding.NE.NE_W_4N.GrMaritalStatus</t>
  </si>
  <si>
    <r>
      <t>1</t>
    </r>
    <r>
      <rPr>
        <sz val="10"/>
        <color rgb="FF222222"/>
        <rFont val="Arial"/>
        <family val="2"/>
      </rPr>
      <t> Total number of allowances you are claiming (from line 4g on the worksheet below).</t>
    </r>
  </si>
  <si>
    <t>StateWithholding.NE.NE_W_4N.TotalAllowances</t>
  </si>
  <si>
    <r>
      <t>2</t>
    </r>
    <r>
      <rPr>
        <sz val="10"/>
        <color rgb="FF222222"/>
        <rFont val="Arial"/>
        <family val="2"/>
      </rPr>
      <t> Additional amount, if any, you want withheld from each paycheck for Nebraska income tax withheld</t>
    </r>
  </si>
  <si>
    <t>StateWithholding.NE.NE_W_4N.AdditionalAmount</t>
  </si>
  <si>
    <r>
      <t>4a</t>
    </r>
    <r>
      <rPr>
        <sz val="10"/>
        <color rgb="FF222222"/>
        <rFont val="Arial"/>
        <family val="2"/>
      </rPr>
      <t> Enter "1" for </t>
    </r>
    <r>
      <rPr>
        <b/>
        <sz val="10"/>
        <color rgb="FF222222"/>
        <rFont val="Arial"/>
        <family val="2"/>
      </rPr>
      <t>yourself</t>
    </r>
    <r>
      <rPr>
        <sz val="10"/>
        <color rgb="FF222222"/>
        <rFont val="Arial"/>
        <family val="2"/>
      </rPr>
      <t> if no one else can claim you as a dependent</t>
    </r>
  </si>
  <si>
    <t>StateWithholding.NE.NE_W_4N.txtA</t>
  </si>
  <si>
    <t>4b Enter "1" if:
You are single and have only one job; or
You are married, have only one job, and your spouse does not work; or
Your wages from a second job or your spouse's wages (or the total of both for the year) are $1,500 or less</t>
  </si>
  <si>
    <t>StateWithholding.NE.NE_W_4N.txtB</t>
  </si>
  <si>
    <r>
      <t xml:space="preserve">4c </t>
    </r>
    <r>
      <rPr>
        <sz val="10"/>
        <color rgb="FF222222"/>
        <rFont val="Arial"/>
        <family val="2"/>
      </rPr>
      <t>Enter "1" for your spouse. But, you may choose to enter "-0-" if you are married and have either a working spouse or more than one job. (Entering "-0-" may help you avoid having too little tax withheld.)</t>
    </r>
  </si>
  <si>
    <t>StateWithholding.NE.NE_W_4N.txtC</t>
  </si>
  <si>
    <r>
      <t xml:space="preserve">4d </t>
    </r>
    <r>
      <rPr>
        <sz val="10"/>
        <color rgb="FF222222"/>
        <rFont val="Arial"/>
        <family val="2"/>
      </rPr>
      <t>Enter number of Nebraska personal exemptions (other than your spouse or yourself) you will claim on your Nebraska tax return. This is the number of children and dependents you will list on your Nebraska return that qualify for either the child or dependent tax credit on the federal return</t>
    </r>
  </si>
  <si>
    <t>StateWithholding.NE.NE_W_4N.txtD</t>
  </si>
  <si>
    <r>
      <t xml:space="preserve">4e </t>
    </r>
    <r>
      <rPr>
        <sz val="10"/>
        <color rgb="FF222222"/>
        <rFont val="Arial"/>
        <family val="2"/>
      </rPr>
      <t>Enter "1" if you will file as head of household on your tax return</t>
    </r>
  </si>
  <si>
    <t>StateWithholding.NE.NE_W_4N.txtE</t>
  </si>
  <si>
    <r>
      <t xml:space="preserve">4f </t>
    </r>
    <r>
      <rPr>
        <sz val="10"/>
        <color rgb="FF222222"/>
        <rFont val="Arial"/>
        <family val="2"/>
      </rPr>
      <t>Enter "1" if you have at least $2,000 of child or dependent care expenses for which you plan to claim a credit.</t>
    </r>
  </si>
  <si>
    <t>StateWithholding.NE.NE_W_4N.txtF</t>
  </si>
  <si>
    <r>
      <t xml:space="preserve">4g </t>
    </r>
    <r>
      <rPr>
        <sz val="10"/>
        <color rgb="FF222222"/>
        <rFont val="Arial"/>
        <family val="2"/>
      </rPr>
      <t>Enter total of lines a though f here and on line 1 above. (Note: This may be different from the number of exemptions you claim on your Nebraska tax return)</t>
    </r>
  </si>
  <si>
    <t>StateWithholding.NE.NE_W_4N.txtG</t>
  </si>
  <si>
    <t>3 I claim exemption from withholding and I can provide satisfactory evidence to my employer that I meet both of the following conditions for exemption.
Last year I had a right to a refund of all Nebraska income tax withheld because I had no tax liability, and
This year I expect a refund of all Nebraska income tax withheld because I expect to have no tax liability.
If you can provide evidence that you can meet both conditions, write "Exempt" here</t>
  </si>
  <si>
    <t>StateWithholding.NE.NE_W_4N.ExemptStatus</t>
  </si>
  <si>
    <t>StateWithholding.NE.NE_W_4N.ExemptStatusText</t>
  </si>
  <si>
    <t>NE_W_4N_chkAgree</t>
  </si>
  <si>
    <t xml:space="preserve">lease </t>
  </si>
  <si>
    <t xml:space="preserve">New York IT2104 State Withholding </t>
  </si>
  <si>
    <t>NY_IT_chkAgree</t>
  </si>
  <si>
    <t>Yes(Are you a resident of New York City?)</t>
  </si>
  <si>
    <t>StateWithholding.NY.NY_IT_2104_ResNY</t>
  </si>
  <si>
    <t>No(Are you a resident of New York City?)</t>
  </si>
  <si>
    <t>Yes(Are you a resident of Yonkers?)</t>
  </si>
  <si>
    <t>StateWithholding.NY.NY_IT_2104_ResYomkers</t>
  </si>
  <si>
    <t>No(Are you a resident of Yonkers?)</t>
  </si>
  <si>
    <t>Note: If married but legally separated, check the single/head of household box</t>
  </si>
  <si>
    <t>StateWithholding.NY.NY_IT_2104_ddlMaritalStatus</t>
  </si>
  <si>
    <t>1 Total number of allowances you are claiming for New York State and the city of Yonkers, if applicable</t>
  </si>
  <si>
    <t>StateWithholding.NY.NY_IT_2104_txt1</t>
  </si>
  <si>
    <t>10 Child and dependent care credit</t>
  </si>
  <si>
    <t>StateWithholding.NY.NY_IT_2104_txt10</t>
  </si>
  <si>
    <t>11 Earned income credit</t>
  </si>
  <si>
    <t>StateWithholding.NY.NY_IT_2104_txt11</t>
  </si>
  <si>
    <t>12 Empire State child credit</t>
  </si>
  <si>
    <t>StateWithholding.NY.NY_IT_2104_txt12</t>
  </si>
  <si>
    <t>13 New York City school tax credit: If you expect to be a resident of New York City for any part of the tax year, enter 2</t>
  </si>
  <si>
    <t>StateWithholding.NY.NY_IT_2104_txt13</t>
  </si>
  <si>
    <t xml:space="preserve">14 Other credits (see </t>
  </si>
  <si>
    <t>StateWithholding.NY.NY_IT_2104_txt14</t>
  </si>
  <si>
    <t>15 Head of household status and only one job (enter 2 if the situation applies)</t>
  </si>
  <si>
    <t>StateWithholding.NY.NY_IT_2104_txt15</t>
  </si>
  <si>
    <t>Divide this estimate by $1,000. Drop any fraction and enter the number</t>
  </si>
  <si>
    <t>StateWithholding.NY.NY_IT_2104_txt16</t>
  </si>
  <si>
    <t>17 If you expect to be a covered employee of an employer who elected to pay the employer compensation expense tax, complete Part 3 below and enter the number from line 29.</t>
  </si>
  <si>
    <t>StateWithholding.NY.NY_IT_2104_txt17</t>
  </si>
  <si>
    <t>18 If you made contributions in 2018 to a New York Charitable Gifts Trust Fund (the Health Charitable Account or the Elementary and Secondary Education Account), complete Part 4 below and enter the amount from line 32</t>
  </si>
  <si>
    <t>StateWithholding.NY.NY_IT_2104_txt18</t>
  </si>
  <si>
    <t>19 If you expect to itemize deductions on your state tax return, complete Part 2 below and enter the number from line 24.</t>
  </si>
  <si>
    <t>StateWithholding.NY.NY_IT_2104_txt19</t>
  </si>
  <si>
    <t>2 Total number of allowances for city of New York</t>
  </si>
  <si>
    <t>StateWithholding.NY.NY_IT_2104_txt2</t>
  </si>
  <si>
    <t>20 Add lines 6 through 19. Enter the result here and on line 1. If you have more than one job, or if you and your spouse both work, see instructions for Taxpayers with more than one job and Married couples with both spouses working.</t>
  </si>
  <si>
    <t>StateWithholding.NY.NY_IT_2104_txt20</t>
  </si>
  <si>
    <t>21 Enter your estimated NY itemized deductions for the tax year (see Form IT-196 and its instructions; enter the amount from line 49)</t>
  </si>
  <si>
    <t>StateWithholding.NY.NY_IT_2104_txt21</t>
  </si>
  <si>
    <t>22 Based on your federal filing status, enter the applicable amount from the table</t>
  </si>
  <si>
    <t>StateWithholding.NY.NY_IT_2104_txt22</t>
  </si>
  <si>
    <t>23 Subtract line 22 from line 21 (if line 22 is larger than line 21, enter 0 here and on line 19 above)</t>
  </si>
  <si>
    <t>StateWithholding.NY.NY_IT_2104_txt23</t>
  </si>
  <si>
    <t>24 Divide line 23 by $1,000. Drop any fraction and enter the result here and on line 19 above</t>
  </si>
  <si>
    <t>StateWithholding.NY.NY_IT_2104_txt24</t>
  </si>
  <si>
    <t>25 Expected annual wages and compensation from electing employer in 2019</t>
  </si>
  <si>
    <t>StateWithholding.NY.NY_IT_2104_txt25</t>
  </si>
  <si>
    <t>26 Line 25 minus $40,000 (if zero or less, stop)</t>
  </si>
  <si>
    <t>StateWithholding.NY.NY_IT_2104_txt26</t>
  </si>
  <si>
    <t>27 Line 26 multiplied by .015</t>
  </si>
  <si>
    <t>StateWithholding.NY.NY_IT_2104_txt27</t>
  </si>
  <si>
    <t>28 Line 27 multiplied by .935</t>
  </si>
  <si>
    <t>StateWithholding.NY.NY_IT_2104_txt28</t>
  </si>
  <si>
    <t>29 Divide line 28 by 65. Drop any fraction and enter the result here and on line 17 above</t>
  </si>
  <si>
    <t>StateWithholding.NY.NY_IT_2104_txt29</t>
  </si>
  <si>
    <t>3 New York State amount</t>
  </si>
  <si>
    <t>StateWithholding.NY.NY_IT_2104_txt3</t>
  </si>
  <si>
    <t>30 Contributions to these funds in 2018</t>
  </si>
  <si>
    <t>StateWithholding.NY.NY_IT_2104_txt30</t>
  </si>
  <si>
    <t>31 Multiply line 30 by 85% (.85)</t>
  </si>
  <si>
    <t>StateWithholding.NY.NY_IT_2104_txt31</t>
  </si>
  <si>
    <t>32 Divide line 31 by 60. Drop any fraction and enter the result here and on line 18 above</t>
  </si>
  <si>
    <t>StateWithholding.NY.NY_IT_2104_txt32</t>
  </si>
  <si>
    <t>33 Enter the amount from line 6 above</t>
  </si>
  <si>
    <t>StateWithholding.NY.NY_IT_2104_txt33</t>
  </si>
  <si>
    <t>34 Add lines 15 through 19 above and enter total here</t>
  </si>
  <si>
    <t>StateWithholding.NY.NY_IT_2104_txt34</t>
  </si>
  <si>
    <t>35 Add lines 33 and 34</t>
  </si>
  <si>
    <t>StateWithholding.NY.NY_IT_2104_txt35</t>
  </si>
  <si>
    <t>4 City of New York amount</t>
  </si>
  <si>
    <t>StateWithholding.NY.NY_IT_2104_txt4</t>
  </si>
  <si>
    <t>5 City of Yonkers amount</t>
  </si>
  <si>
    <t>StateWithholding.NY.NY_IT_2104_txt5</t>
  </si>
  <si>
    <t>6 Enter the number of dependents that you will claim on your state return (do not include yourself or, if married, your spouse)</t>
  </si>
  <si>
    <t>StateWithholding.NY.NY_IT_2104_txt6</t>
  </si>
  <si>
    <t>7 College tuition credit</t>
  </si>
  <si>
    <t>StateWithholding.NY.NY_IT_2104_txt7</t>
  </si>
  <si>
    <t>8 New York State household credit</t>
  </si>
  <si>
    <t>StateWithholding.NY.NY_IT_2104_txt8</t>
  </si>
  <si>
    <t>9 Real property tax credit</t>
  </si>
  <si>
    <t>StateWithholding.NY.NY_IT_2104_txt9</t>
  </si>
  <si>
    <t>16 Enter an estimate of your federal adjustments to income, such as deductible IRA contributions you will make for the tax year. Total estimate $</t>
  </si>
  <si>
    <t>StateWithholding.NY.NY_IT_2104_txtEstimate</t>
  </si>
  <si>
    <t>New York IT2104-E State Withholding (no change to fields)</t>
  </si>
  <si>
    <t>Do you meet all of the conditions in either Group A or Group B above?</t>
  </si>
  <si>
    <t>AdditionalTax.NY.GroupAB</t>
  </si>
  <si>
    <t>Are you a full-time student?</t>
  </si>
  <si>
    <t>AdditionalTax.NY.FTStudent</t>
  </si>
  <si>
    <t>Are you a military spouse exempt under the SCRA?</t>
  </si>
  <si>
    <t>AdditionalTax.NY.MilitarySpouse</t>
  </si>
  <si>
    <t>AdditionalTax.NY.NY_IT_2104_E_FilingStatus</t>
  </si>
  <si>
    <t>Qualifying widow(er), or head of household with qualifying person</t>
  </si>
  <si>
    <t>QH</t>
  </si>
  <si>
    <t>I certify that the information on this form is correct and that, for the year 2019, I expect to qualify for exemption from withholding of New York State income tax under section 671 (1)(3) of the Tax Law.  I will notify my employer within 10 days of any change requiring revocation of the exemption from withholding as explained in the instructions</t>
  </si>
  <si>
    <t>AdditionalTax.NY.NY_IT_2104_E_Declare</t>
  </si>
  <si>
    <t>New York IT2104.1 State Withholding (no change to fields)</t>
  </si>
  <si>
    <t>Yes(Will you work in New York more than 14 days?)</t>
  </si>
  <si>
    <t>StateWithholding.NY.NY_IT_2104_1.WorkInNewYorkMoreThan14Days</t>
  </si>
  <si>
    <t>No(Will you work in New York more than 14 days?)</t>
  </si>
  <si>
    <t>I certify that I am not a resident of New York State and that my residence is as stated above.</t>
  </si>
  <si>
    <t>Check Box</t>
  </si>
  <si>
    <t>StateWithholding.NY.NY_IT_2104_1.CertifyNotNYState</t>
  </si>
  <si>
    <t>I estimate that</t>
  </si>
  <si>
    <t>StateWithholding.NY.NY_IT_2104_1.EstimateNYState</t>
  </si>
  <si>
    <t>I certify that I am not a resident of New York City and that my residence is as stated above.</t>
  </si>
  <si>
    <t>StateWithholding.NY.NY_IT_2104_1.CertifyNotNYCity</t>
  </si>
  <si>
    <t>I certify that I am not a resident of Yonkers and that my residence is as stated above.</t>
  </si>
  <si>
    <t>StateWithholding.NY.NY_IT_2104_1.CertifyNotYonkers</t>
  </si>
  <si>
    <t>I estimate that % of my services during the year will be performed within Yonkers.</t>
  </si>
  <si>
    <t>StateWithholding.NY.NY_IT_2104_1.EstimateYonkers</t>
  </si>
  <si>
    <t>I will notify my employer within 10 days of any change in the percentage of my services performed within New York State or Yonkers, or of a change in my status from nonresident to resident of New York State, New York City, or Yonkers.</t>
  </si>
  <si>
    <t>StateWithholding.NY.NY_IT_2104_1.NotifyWithin10Days</t>
  </si>
  <si>
    <t>% of my services during the year will be performed within Yonkers.</t>
  </si>
  <si>
    <t>StateWithholding.NY.NY_IT_2104_1.EstimateYonkersPercent</t>
  </si>
  <si>
    <t>% of my services during the year will be performed within New York State and subject to New York State withholding tax.</t>
  </si>
  <si>
    <t>StateWithholding.NY.NY_IT_2104_1.EstimateNYStatePercent</t>
  </si>
  <si>
    <t>North Carolina State Withholding</t>
  </si>
  <si>
    <t xml:space="preserve">1. Filing status </t>
  </si>
  <si>
    <t>StateWithholding.NC.NC_4_MaritalText</t>
  </si>
  <si>
    <t>select</t>
  </si>
  <si>
    <t>(is blank)</t>
  </si>
  <si>
    <t>Single or Married Filing Separately</t>
  </si>
  <si>
    <t>Married Filing Jointly or Surviving Spouse</t>
  </si>
  <si>
    <t>2. Total number of allowances you are claiming</t>
  </si>
  <si>
    <t>StateWithholding.NC.NC_TotalNumber</t>
  </si>
  <si>
    <t>3. Additional amount, if any, you want withheld from each pay period</t>
  </si>
  <si>
    <t>StateWithholding.NC.20</t>
  </si>
  <si>
    <t>Filing Status: Single</t>
  </si>
  <si>
    <t>1. Will your N.C. itemized deductions from Schedule 1 on NC-4 Allowance Schedules exceed $12,499?</t>
  </si>
  <si>
    <t>StateWithholding.NC4.FilingSingleQ1</t>
  </si>
  <si>
    <t>2. Will your N.C. Child Deduction Amount from Schedule 2 from NC-4 Allowance schedules exceed $2,499?</t>
  </si>
  <si>
    <t>StateWithholding.NC4.FilingSingleQ2</t>
  </si>
  <si>
    <t>3. Will you have federal adjustments or State deductions from Income?</t>
  </si>
  <si>
    <t>StateWithholding.NC4.FilingSingleQ3</t>
  </si>
  <si>
    <t>4. Will you be able to claim any N.C. tax credits or tax credit carryovers?</t>
  </si>
  <si>
    <t>StateWithholding.NC4.FilingSingleQ4</t>
  </si>
  <si>
    <t>Filing Status: Married Filing Jointly</t>
  </si>
  <si>
    <t>1. Will your N.C. itemized deductions from Schedule 1 on NC-4 Allowance Schedules exceed $22,499?</t>
  </si>
  <si>
    <t>StateWithholding.NC4.FilingMFJQ1</t>
  </si>
  <si>
    <t>StateWithholding.NC4.FilingMFJQ2</t>
  </si>
  <si>
    <t>StateWithholding.NC4.FilingMFJQ3</t>
  </si>
  <si>
    <t>StateWithholding.NC4.FilingMFJQ4</t>
  </si>
  <si>
    <t>5. Will your spouse receive combined wages and taxable pensions of less than $7,500 or only retirement benefits not subject to N.C. income tax?</t>
  </si>
  <si>
    <t>StateWithholding.NC4.FilingMFJQ5</t>
  </si>
  <si>
    <t>Filing Status: Married Filing Separately</t>
  </si>
  <si>
    <t>1. Will your portion of N.C. itemized deductions from Schedule 1 on NC-4 Allowance Schedules exceed $12,499?</t>
  </si>
  <si>
    <t>StateWithholding.NC4.FilingMFSQ1</t>
  </si>
  <si>
    <t>StateWithholding.NC4.FilingMFSQ2</t>
  </si>
  <si>
    <t>StateWithholding.NC4.FilingMFSQ3</t>
  </si>
  <si>
    <t>StateWithholding.NC4.FilingMFSQ4</t>
  </si>
  <si>
    <t>Filing Status: Head of Household</t>
  </si>
  <si>
    <t>1. Will your N.C. itemized deductions from Schedule 1 on NC-4 Allowance Schedules exceed $17,499?</t>
  </si>
  <si>
    <t>StateWithholding.NC4.FilingHeadQ1</t>
  </si>
  <si>
    <t>StateWithholding.NC4.FilingHeadQ2</t>
  </si>
  <si>
    <t>StateWithholding.NC4.FilingHeadQ3</t>
  </si>
  <si>
    <t>StateWithholding.NC4.FilingHeadQ4</t>
  </si>
  <si>
    <t>Filing Status: Surviving Spouse</t>
  </si>
  <si>
    <t>StateWithholding.NC4.FilingWidow_erQ1</t>
  </si>
  <si>
    <t>StateWithholding.NC4.FilingWidow_erQ2</t>
  </si>
  <si>
    <t>StateWithholding.NC4.FilingWidow_erQ3</t>
  </si>
  <si>
    <t>StateWithholding.NC4.FilingWidow_erQ4</t>
  </si>
  <si>
    <t>Schedule 1 Estimated N.C. Itemized Deductions</t>
  </si>
  <si>
    <t>Qualifying mortgage interest</t>
  </si>
  <si>
    <t>StateWithholding.NC4.WkshtSchedule1Text1</t>
  </si>
  <si>
    <t>Real estate property taxes</t>
  </si>
  <si>
    <t>StateWithholding.NC4.WkshtSchedule1Text2</t>
  </si>
  <si>
    <t>Total qualifying mortgage interest and real estate property taxes</t>
  </si>
  <si>
    <t>StateWithholding.NC4.WkshtSchedule1Text3</t>
  </si>
  <si>
    <t>Charitable Contributions</t>
  </si>
  <si>
    <t>StateWithholding.NC4.WkshtSchedule1Text4</t>
  </si>
  <si>
    <t>Medical and Dental Expenses</t>
  </si>
  <si>
    <t>StateWithholding.NC4.WkshtSchedule1Text6</t>
  </si>
  <si>
    <t>Total estimated N.C. itemized deductions</t>
  </si>
  <si>
    <t>StateWithholding.NC4.WkshtSchedule1Text5</t>
  </si>
  <si>
    <t>Schedule 2 Estimated N.C. Child Deduction Amount</t>
  </si>
  <si>
    <t>Single  Up to $20,000</t>
  </si>
  <si>
    <t>StateWithholding.NC4.WkshtSchedule2FilingSingleCount1</t>
  </si>
  <si>
    <t>StateWithholding.NC4.WkshtSchedule2FilingSingleAmount1</t>
  </si>
  <si>
    <t>Over $20,000 and Up to $30,000</t>
  </si>
  <si>
    <t>StateWithholding.NC4.WkshtSchedule2FilingSingleCount2</t>
  </si>
  <si>
    <t>StateWithholding.NC4.WkshtSchedule2FilingSingleAmount2</t>
  </si>
  <si>
    <t>Over $30,000 and Up to $40,000</t>
  </si>
  <si>
    <t>StateWithholding.NC4.WkshtSchedule2FilingSingleCount3</t>
  </si>
  <si>
    <t>StateWithholding.NC4.WkshtSchedule2FilingSingleAmount3</t>
  </si>
  <si>
    <t>Over $40,000 and Up to $50,000</t>
  </si>
  <si>
    <t>StateWithholding.NC4.WkshtSchedule2FilingSingleCount4</t>
  </si>
  <si>
    <t>StateWithholding.NC4.WkshtSchedule2FilingSingleAmount4</t>
  </si>
  <si>
    <t>Over $50,000 and Up to $60,000</t>
  </si>
  <si>
    <t>StateWithholding.NC4.WkshtSchedule2FilingSingleCount5</t>
  </si>
  <si>
    <t>StateWithholding.NC4.WkshtSchedule2FilingSingleAmount5</t>
  </si>
  <si>
    <t>Over $60,000</t>
  </si>
  <si>
    <t>StateWithholding.NC4.WkshtSchedule2FilingSingleCount6</t>
  </si>
  <si>
    <t>-</t>
  </si>
  <si>
    <t>StateWithholding.NC4.WkshtSchedule2FilingSingleAmount6</t>
  </si>
  <si>
    <t>MFJ or SS       Up to $40,000</t>
  </si>
  <si>
    <t>StateWithholding.NC4.WkshtSchedule2FilingMFJCount1</t>
  </si>
  <si>
    <t>StateWithholding.NC4.WkshtSchedule2FilingMFJAmount1</t>
  </si>
  <si>
    <t>Over $40,000 and Up to $60,000</t>
  </si>
  <si>
    <t>StateWithholding.NC4.WkshtSchedule2FilingMFJCount2</t>
  </si>
  <si>
    <t>StateWithholding.NC4.WkshtSchedule2FilingMFJAmount2</t>
  </si>
  <si>
    <t>Over $60,000 and Up to $80,000</t>
  </si>
  <si>
    <t>StateWithholding.NC4.WkshtSchedule2FilingMFJCount3</t>
  </si>
  <si>
    <t>StateWithholding.NC4.WkshtSchedule2FilingMFJAmount3</t>
  </si>
  <si>
    <t>Over $80,000 and Up to $100,000</t>
  </si>
  <si>
    <t>StateWithholding.NC4.WkshtSchedule2FilingMFJCount4</t>
  </si>
  <si>
    <t>StateWithholding.NC4.WkshtSchedule2FilingMFJAmount4</t>
  </si>
  <si>
    <t>Over $100,000 and Up to $120,000</t>
  </si>
  <si>
    <t>StateWithholding.NC4.WkshtSchedule2FilingMFJCount5</t>
  </si>
  <si>
    <t>StateWithholding.NC4.WkshtSchedule2FilingMFJAmount5</t>
  </si>
  <si>
    <t>Over $120,000</t>
  </si>
  <si>
    <t>StateWithholding.NC4.WkshtSchedule2FilingMFJCount6</t>
  </si>
  <si>
    <t>StateWithholding.NC4.WkshtSchedule2FilingMFJAmount6</t>
  </si>
  <si>
    <t>HOH</t>
  </si>
  <si>
    <t>Up to $30,000</t>
  </si>
  <si>
    <t>StateWithholding.NC4.WkshtSchedule2FilingHeadCount1</t>
  </si>
  <si>
    <t>StateWithholding.NC4.WkshtSchedule2FilingHeadAmount1</t>
  </si>
  <si>
    <t>Over $30,000 and Up to $45,000</t>
  </si>
  <si>
    <t>StateWithholding.NC4.WkshtSchedule2FilingHeadCount2</t>
  </si>
  <si>
    <t>StateWithholding.NC4.WkshtSchedule2FilingHeadAmount2</t>
  </si>
  <si>
    <t>Over $45,000 and Up to $60,000</t>
  </si>
  <si>
    <t>StateWithholding.NC4.WkshtSchedule2FilingHeadCount3</t>
  </si>
  <si>
    <t>StateWithholding.NC4.WkshtSchedule2FilingHeadAmount3</t>
  </si>
  <si>
    <t>Over $60,000 and Up to $75,000</t>
  </si>
  <si>
    <t>StateWithholding.NC4.WkshtSchedule2FilingHeadCount4</t>
  </si>
  <si>
    <t>StateWithholding.NC4.WkshtSchedule2FilingHeadAmount4</t>
  </si>
  <si>
    <t>Over $75,000 and Up to $90,000</t>
  </si>
  <si>
    <t>StateWithholding.NC4.WkshtSchedule2FilingHeadCount5</t>
  </si>
  <si>
    <t>StateWithholding.NC4.WkshtSchedule2FilingHeadAmount5</t>
  </si>
  <si>
    <t>Over $90,000</t>
  </si>
  <si>
    <t>StateWithholding.NC4.WkshtSchedule2FilingHeadCount6</t>
  </si>
  <si>
    <t>StateWithholding.NC4.WkshtSchedule2FilingHeadAmount6</t>
  </si>
  <si>
    <t>Up to $20,000</t>
  </si>
  <si>
    <t>StateWithholding.NC4.WkshtSchedule2FilingMFSCount1</t>
  </si>
  <si>
    <t>StateWithholding.NC4.WkshtSchedule2FilingMFSAmount1</t>
  </si>
  <si>
    <t>StateWithholding.NC4.WkshtSchedule2FilingMFSCount2</t>
  </si>
  <si>
    <t>StateWithholding.NC4.WkshtSchedule2FilingMFSAmount2</t>
  </si>
  <si>
    <t>StateWithholding.NC4.WkshtSchedule2FilingMFSCount3</t>
  </si>
  <si>
    <t>StateWithholding.NC4.WkshtSchedule2FilingMFSAmount3</t>
  </si>
  <si>
    <t>StateWithholding.NC4.WkshtSchedule2FilingMFSCount4</t>
  </si>
  <si>
    <t>StateWithholding.NC4.WkshtSchedule2FilingMFSAmount4</t>
  </si>
  <si>
    <t>StateWithholding.NC4.WkshtSchedule2FilingMFSCount5</t>
  </si>
  <si>
    <t>StateWithholding.NC4.WkshtSchedule2FilingMFSAmount5</t>
  </si>
  <si>
    <t>StateWithholding.NC4.WkshtSchedule2FilingMFSCount6</t>
  </si>
  <si>
    <t>StateWithholding.NC4.WkshtSchedule2FilingMFSAmount6</t>
  </si>
  <si>
    <t>Deductions, Adjustments, and Tax Credits Worksheet</t>
  </si>
  <si>
    <t>1.      Enter your total estimated N.C. itemized deductions from Schedule 1 from NC-4 Allowance schedules</t>
  </si>
  <si>
    <t>StateWithholding.NC.NC_4_txt1</t>
  </si>
  <si>
    <t>2.      Enter</t>
  </si>
  <si>
    <t>StateWithholding.NC.NC_4_txt2</t>
  </si>
  <si>
    <t>$ 10,000 if Single or Married Filing Separately</t>
  </si>
  <si>
    <t>$20,000 if Married Filing Jointly or Surviving Spouse</t>
  </si>
  <si>
    <t>$15,000 if Head of Household</t>
  </si>
  <si>
    <t>3.      Subtract line 2 from line 1</t>
  </si>
  <si>
    <t>StateWithholding.NC.NC_4_txt3</t>
  </si>
  <si>
    <t>4.      Enter an estimate of your total N.C. Child Deduction Amount from Schedule 2 from NC-4 Allowance schedules</t>
  </si>
  <si>
    <t>StateWithholding.NC.NC_4_txt4</t>
  </si>
  <si>
    <t>5.      Enter an estimate of your total federal adjustments to income and State deductions from federal adjusted gross income</t>
  </si>
  <si>
    <t>StateWithholding.NC.NC_4_txt5</t>
  </si>
  <si>
    <t>6.      Add Lines 3, 4 and 5</t>
  </si>
  <si>
    <t>StateWithholding.NC.NC_4_txt6</t>
  </si>
  <si>
    <t>7.      Enter an estimate of your nonwage income</t>
  </si>
  <si>
    <t>StateWithholding.NC.NC_4_txt7</t>
  </si>
  <si>
    <t>8.      Enter an estimate of your State additions to federal adjusted gross income</t>
  </si>
  <si>
    <t>StateWithholding.NC.NC_4_txt8</t>
  </si>
  <si>
    <t>9.      Add Lines 7 and 8</t>
  </si>
  <si>
    <t>StateWithholding.NC.NC_4_txt9</t>
  </si>
  <si>
    <t>10.     Subtract Line 9 from Line 6</t>
  </si>
  <si>
    <t>StateWithholding.NC.NC_4_txt10</t>
  </si>
  <si>
    <t>11.     Divide the amount on Line 10 by $2,500</t>
  </si>
  <si>
    <t>StateWithholding.NC.NC_4_txt11</t>
  </si>
  <si>
    <t>12.     Enter the amount of your estimated N.C. tax credits</t>
  </si>
  <si>
    <t>StateWithholding.NC.NC_4_txt12</t>
  </si>
  <si>
    <t>13.     Divide the amount on Line 12 by $134</t>
  </si>
  <si>
    <t>StateWithholding.NC.NC_4_txt13</t>
  </si>
  <si>
    <t>14.     Single, Head of Household or Married Filing Separately</t>
  </si>
  <si>
    <t>StateWithholding.NC.NC_4_txt14</t>
  </si>
  <si>
    <t>15.     Add lines 11, 13 and 14, and enter the total here</t>
  </si>
  <si>
    <t>StateWithholding.NC.NC_4_txt15</t>
  </si>
  <si>
    <t>16.     If you completed this worksheet on the basis of Married Filing Jointly, the total number of allowances determined on Line 15 may be split between you and your spouse, however, you choose. Enter the number of allowances from Line 15 that your spouse plans to claim 16.</t>
  </si>
  <si>
    <t>StateWithholding.NC.NC_4_txt16</t>
  </si>
  <si>
    <t xml:space="preserve">17.     Subtract Line 16 from Line 15 and enter the total number of allowances here and on Line 2 of your </t>
  </si>
  <si>
    <t>StateWithholding.NC.NC_4_txt17</t>
  </si>
  <si>
    <t>North Carolina EZ State Withholding</t>
  </si>
  <si>
    <t>Marital status:</t>
  </si>
  <si>
    <t>StateWithholding.NC.NC_4_EZ.MaritalStatus</t>
  </si>
  <si>
    <t>SELECT A STATUS</t>
  </si>
  <si>
    <t>(shows blank)</t>
  </si>
  <si>
    <t>SINGLE OR MARRIED FILING SEPARATELY</t>
  </si>
  <si>
    <t>StateWithholding.NC.NC_4E_Z.County</t>
  </si>
  <si>
    <t>(default list of counties)</t>
  </si>
  <si>
    <t>Line 1. Total number of allowances you are claiming</t>
  </si>
  <si>
    <t>StateWithholding.NC.NC_4_EZ.NumberOfAllowances</t>
  </si>
  <si>
    <t>Line 2. Additional amount, if any, withheld from each pay period</t>
  </si>
  <si>
    <t>StateWithholding.NC.NC_4_EZ.AdditionalAmount</t>
  </si>
  <si>
    <t>Line 3. I certify that I am exempt from North Carolina withholding because I meet both of the following conditions</t>
  </si>
  <si>
    <t>StateWithholding.NC.NC_4_EZ.ExemptionType_TwoConditions</t>
  </si>
  <si>
    <t>Line 4. I certify that I am exempt from North Carolina withholding because I meet the requirements of the Military Spouses Residency Relief Act</t>
  </si>
  <si>
    <t>StateWithholding.NC.NC_4_EZ.ExemptionType_MilitarySpouse</t>
  </si>
  <si>
    <t>Enter state of domicile</t>
  </si>
  <si>
    <t>StateWithholding.NC.NC_4E_Z.DomicileState</t>
  </si>
  <si>
    <t>If an exemption on Line 3 or Line 4 applies to you, enter the year the exemption became effective</t>
  </si>
  <si>
    <t>StateWithholding.NC.NC_4_EZ.EffectiveYear</t>
  </si>
  <si>
    <t>Line 5. I certify that I no longer meet the requirements for an exemption on Line 3</t>
  </si>
  <si>
    <t>StateWithholding.NC.NC_4_EZ.chkExemptLine3</t>
  </si>
  <si>
    <t>or Line 4</t>
  </si>
  <si>
    <t>StateWithholding.NC.NC_4_EZ.chkExemptLine4</t>
  </si>
  <si>
    <t>Therefore, I revoke my exemption and request that</t>
  </si>
  <si>
    <t>StateWithholding.NC.NC_4_EZ.chkExemptBased</t>
  </si>
  <si>
    <t>Oklahoma OW 9 MSE Military Exemption (No changes)</t>
  </si>
  <si>
    <t>Do you want to claim the exemption for military spouse’s and withhold Oklahoma taxes and</t>
  </si>
  <si>
    <t>StateWithholding.OK.MilitarySpouse</t>
  </si>
  <si>
    <t>Spouse First Name:</t>
  </si>
  <si>
    <t>StateWithholding.OK.SpouseFirstName</t>
  </si>
  <si>
    <t>Spouse Middle Name:</t>
  </si>
  <si>
    <t>StateWithholding.OK.SpouseMiddleName</t>
  </si>
  <si>
    <t>Spouse Last Name:</t>
  </si>
  <si>
    <t>StateWithholding.OK.SpouseLastName</t>
  </si>
  <si>
    <t>Spouse SSN:</t>
  </si>
  <si>
    <t>StateWithholding.OK.SpouseSSN</t>
  </si>
  <si>
    <t>Spouse's Military Station:</t>
  </si>
  <si>
    <t>StateWithholding.OK.MilitaryStationName</t>
  </si>
  <si>
    <t>Military Station Address:</t>
  </si>
  <si>
    <t>StateWithholding.OK.MilitaryStationAddress</t>
  </si>
  <si>
    <t>Military Station City:</t>
  </si>
  <si>
    <t>StateWithholding.OK.MilitaryStationCity</t>
  </si>
  <si>
    <t>Military Station State:</t>
  </si>
  <si>
    <t>StateWithholding.OK.MilitaryStationState</t>
  </si>
  <si>
    <t>Military Station Zip Code:</t>
  </si>
  <si>
    <t>StateWithholding.OK.MilitaryStationZip</t>
  </si>
  <si>
    <t>StateWithholding.OK.MilitaryStationZip4</t>
  </si>
  <si>
    <t>Oregon State Withholding (New)</t>
  </si>
  <si>
    <t>1.  Select one:</t>
  </si>
  <si>
    <t>StateWithholding.OR.OR_W_4_MaritalStatus</t>
  </si>
  <si>
    <t>Single: or Married, but legally separated, or spouse is a nonresident alien</t>
  </si>
  <si>
    <t>Married, but withholding at the higher single rate</t>
  </si>
  <si>
    <t>Total number of allowances you're claiming on line A4, B15, or C5. If you meet a qualification to skip the worksheets and you aren't exempt, enter 0</t>
  </si>
  <si>
    <t>Textbox</t>
  </si>
  <si>
    <t>StateWithholding.OR.OR_W_4_txtTotalNumberOfAllowances</t>
  </si>
  <si>
    <t>StateWithholding.OR.OR_W_4_txtAdditionalAmountOfStateIncome</t>
  </si>
  <si>
    <t>Enter the corresponding exemption code.</t>
  </si>
  <si>
    <t>StateWithholding.OR.OR_W_4_ddlExemptionCode</t>
  </si>
  <si>
    <t>Air carrier employee</t>
  </si>
  <si>
    <t>American Indian enrolled tribal member living and working in Indian country.</t>
  </si>
  <si>
    <t>Amtrak Act worker</t>
  </si>
  <si>
    <t>Casual laborer</t>
  </si>
  <si>
    <t>Domestic service worker</t>
  </si>
  <si>
    <t>Hydroelectric dam worker at the Bonneville, John Day, McNary, or The Dalles dams</t>
  </si>
  <si>
    <t>Military pay for nonresidents stationed in Oregon and their spouses, residents stationed outside Oregon, and service members whose Defense Finance and Accounting Services (DFAS) address is outside Oregon</t>
  </si>
  <si>
    <t>Minister who is duly ordained, commissioned, or licensed and performing duties in their ministry, or a member of a religious order performing duties required by their order</t>
  </si>
  <si>
    <t>Nonresident who expects a refund of all Oregon income tax withheld because their wages won't be subject to Oregon tax.</t>
  </si>
  <si>
    <t>Real estate salesperson under a written contract not to be treated as an employee</t>
  </si>
  <si>
    <t>Waterway worker</t>
  </si>
  <si>
    <t>K</t>
  </si>
  <si>
    <t>No tax liability. See above for definition</t>
  </si>
  <si>
    <t>L</t>
  </si>
  <si>
    <t>Write "Exempt</t>
  </si>
  <si>
    <t>StateWithholding.OR.OR_W_4_txtExempt</t>
  </si>
  <si>
    <t>Under penalty of false swearing, I declare that the information provided is true, correct, and complete</t>
  </si>
  <si>
    <t>OR_W_4_chkAgree</t>
  </si>
  <si>
    <t>Enter "1" for yourself, if no one else can claim you as a dependent. Otherwise, enter -0-</t>
  </si>
  <si>
    <t>StateWithholding.OR.OR_W_4_txtWorksheetA_AllowancesA</t>
  </si>
  <si>
    <t>nter "1" for your spouse, if your spouse doesn't work. Otherwise, enter -0-</t>
  </si>
  <si>
    <t>StateWithholding.OR.OR_W_4_txtWorksheetA_AllowancesB</t>
  </si>
  <si>
    <t>Enter the number of dependents you will claim on your Oregon tax return</t>
  </si>
  <si>
    <t>StateWithholding.OR.OR_W_4_txtWorksheetA_AllowancesC</t>
  </si>
  <si>
    <t>Add lines A1 through A3. Enter the result here and follow the instructions below</t>
  </si>
  <si>
    <t>StateWithholding.OR.OR_W_4_txtWorksheetA_AllowancesD</t>
  </si>
  <si>
    <t>Enter your estimated 2019 nonwage income (such as dividends or interest)</t>
  </si>
  <si>
    <t>StateWithholding.OR.OR_W_4_txtWorksheetB_1</t>
  </si>
  <si>
    <t>Enter your estimated 2019 Oregon additions</t>
  </si>
  <si>
    <t>StateWithholding.OR.OR_W_4_txtWorksheetB_2</t>
  </si>
  <si>
    <t>Add lines B1 and B2</t>
  </si>
  <si>
    <t>StateWithholding.OR.OR_W_4_txtWorksheetB_3</t>
  </si>
  <si>
    <t>Enter your estimated 2019 Oregon deductions. (See instructions)</t>
  </si>
  <si>
    <t>StateWithholding.OR.OR_W_4_txtWorksheetB_4</t>
  </si>
  <si>
    <t>$2,270 if anticipated 2019 filing status is single or married filing separately</t>
  </si>
  <si>
    <t>$3,655 if anticipated 2019 filing status is head of household</t>
  </si>
  <si>
    <t>$4,545 if anticipated 2019 filing status is married filing jointly or qualifying widow(er)</t>
  </si>
  <si>
    <t>B5</t>
  </si>
  <si>
    <t>StateWithholding.OR.OR_W_4_txtWorksheetB_5</t>
  </si>
  <si>
    <t>Line B4 minus line B5. If the result is zero or less, enter -0-</t>
  </si>
  <si>
    <t>StateWithholding.OR.OR_W_4_txtWorksheetB_6</t>
  </si>
  <si>
    <t>Enter your estimated 2019 federal adjustments to income and Oregon subtractions (exception- don't include the federal tax subtraction)</t>
  </si>
  <si>
    <t>StateWithholding.OR.OR_W_4_txtWorksheetB_7</t>
  </si>
  <si>
    <t>Add lines B6 and B7</t>
  </si>
  <si>
    <t>StateWithholding.OR.OR_W_4_txtWorksheetB_8</t>
  </si>
  <si>
    <t>Line B8 minus line B3. If less than zero, enter as a negative amount</t>
  </si>
  <si>
    <t>StateWithholding.OR.OR_W_4_txtWorksheetB_9</t>
  </si>
  <si>
    <t>Line B9 divided by $2,700. Round to one decimal place. If less than zero, enter as a negative amount</t>
  </si>
  <si>
    <t>StateWithholding.OR.OR_W_4_txtWorksheetB_10</t>
  </si>
  <si>
    <t>Enter your estimated 2019 Oregon standard, carryforward, or refundable credits (exception - don't include personal exemption credits)</t>
  </si>
  <si>
    <t>StateWithholding.OR.OR_W_4_txtWorksheetB_11</t>
  </si>
  <si>
    <t>Divide line B11 by $206. Round to one decimal place</t>
  </si>
  <si>
    <t>StateWithholding.OR.OR_W_4_txtWorksheetB_12</t>
  </si>
  <si>
    <t>Add lines B10 and B12. If less than zero, enter as a negative amount. Round down to a whole number by eliminating the decimal value</t>
  </si>
  <si>
    <t>StateWithholding.OR.OR_W_4_txtWorksheetB_13</t>
  </si>
  <si>
    <t>Enter the number from Worksheet A, line A4</t>
  </si>
  <si>
    <t>StateWithholding.OR.OR_W_4_txtWorksheetB_14</t>
  </si>
  <si>
    <t>Add lines B13 and B14. If zero or less, enter -0-. (See instructions)</t>
  </si>
  <si>
    <t>StateWithholding.OR.OR_W_4_txtWorksheetB_15</t>
  </si>
  <si>
    <t>nter the number from Worksheet B, line B15, if used. Otherwise, enter the number from Worksheet A, line A4</t>
  </si>
  <si>
    <t>StateWithholding.OR.OR_W_4_txtWorksheetC_WC1</t>
  </si>
  <si>
    <t>if your 2019 anticipated filing status is Single, Head of Household, or Married Filing Separately, and two of your jobs individually are $40,000 or less</t>
  </si>
  <si>
    <t>ddlWorksheetC_WCEnterElement1</t>
  </si>
  <si>
    <t>if your 2019 anticipated filing status is Single, Head of Household, or Married Filing Separately, and two of your jobs individually exceed $40,000</t>
  </si>
  <si>
    <t>ddlWorksheetC_WCEnterElement2</t>
  </si>
  <si>
    <t>if your 2019 anticipated filing status is Married Filing Jointly or Qualifying Widow(er), and two of your jobs individually are $50,000 or less</t>
  </si>
  <si>
    <t>ddlWorksheetC_WCEnterElement3</t>
  </si>
  <si>
    <t>if your 2019 anticipated filing status is Married Filing Jointly or Qualifying Widow(er), and two of your jobs individually exceed $50,000</t>
  </si>
  <si>
    <t>ddlWorksheetC_WCEnterElement4</t>
  </si>
  <si>
    <t>C2</t>
  </si>
  <si>
    <t>StateWithholding.OR.OR_W_4_txtWorksheetC_WC2</t>
  </si>
  <si>
    <t>if you (including your spouse) will have two or fewer jobs at any point during the year</t>
  </si>
  <si>
    <t>ddlWorksheetCNumberOfJobsElement1</t>
  </si>
  <si>
    <t>if you (including your spouse) will have three or more jobs at any point during the year, and your 2019 anticipated filing status is Single, Head of household, or Married Filing Separtely</t>
  </si>
  <si>
    <t>ddlWorksheetCNumberOfJobsElement2</t>
  </si>
  <si>
    <t>if you (including your spouse) will have three or more jobs at any point during the year, and your 2019 anticipated filing status is  Married Filing Jointly or Qualifying Window(er)</t>
  </si>
  <si>
    <t>ddlWorksheetCNumberOfJobsElement3</t>
  </si>
  <si>
    <t>С3</t>
  </si>
  <si>
    <t>StateWithholding.OR.OR_W_4_txtWorksheetC_WC3</t>
  </si>
  <si>
    <t>Add lines C2 and C3</t>
  </si>
  <si>
    <t>StateWithholding.OR.OR_W_4_txtWorksheetC_WC4</t>
  </si>
  <si>
    <t>Is line C1 less than line C4?</t>
  </si>
  <si>
    <t>StateWithholding.OR.OR_W_4_txtWorksheetC_WC5</t>
  </si>
  <si>
    <t>Line C4 minus line C1</t>
  </si>
  <si>
    <t>StateWithholding.OR.OR_W_4_txtWorksheetC_WC6</t>
  </si>
  <si>
    <t>Line C6 multiplied by $206</t>
  </si>
  <si>
    <t>StateWithholding.OR.OR_W_4_txtWorksheetC_WC7</t>
  </si>
  <si>
    <t>Line C7 divided by the number of paychecks remaining in 2019 for the highest paying job and rounded to the nearest dollar. Enter the result here and on Form OR-W-4, line 3. This is the additional amount to be withheld from each paycheck</t>
  </si>
  <si>
    <t>StateWithholding.OR.OR_W_4_txtWorksheetC_WC8</t>
  </si>
  <si>
    <t>Oregon Withholding Instructions</t>
  </si>
  <si>
    <t>StateWithholding.OR.OR_W_4_hidInstructionTitle</t>
  </si>
  <si>
    <t>South Carolina State Withholding</t>
  </si>
  <si>
    <t>Field Type</t>
  </si>
  <si>
    <t>Comment</t>
  </si>
  <si>
    <t>5 Total number of allowances you’re claiming</t>
  </si>
  <si>
    <t>StateWithholding_SC_W_4.txtTotalAllowances</t>
  </si>
  <si>
    <t>6 Additional amount, if any, you want withheld from each paycheck</t>
  </si>
  <si>
    <t>StateWithholding_SC_W_4.txtAdditionalAmount</t>
  </si>
  <si>
    <t>7 I claim exemption from withholding for 2020. Check the box for the exemption reason and write "exempt" on line 7.</t>
  </si>
  <si>
    <t>StateWithholding_SC_W_4.txtExemptStatus</t>
  </si>
  <si>
    <t>For tax year 2019, I had a right to a refund of all South Carolina Income Tax withheld because I had no tax liability, and for tax year 2020 I expect a refund of all South Carolina Income Tax withheld because I expect to have no tax liability.</t>
  </si>
  <si>
    <t>StateWithholding_SC_W_4.chkNoTaxLiability</t>
  </si>
  <si>
    <t>I elect to use the same residence for tax purposes as my military servicemember spouse. I have provided my employer with a copy of my current military ID card and a copy of my spouse's latest Leave and Earning Statement.</t>
  </si>
  <si>
    <t>StateWithholding.SC.MilitarySpouse</t>
  </si>
  <si>
    <t>State of domicile code</t>
  </si>
  <si>
    <t>StateWithholding.SC.SpouseDomicile</t>
  </si>
  <si>
    <t>Standard US States list</t>
  </si>
  <si>
    <t>State of domicile display text</t>
  </si>
  <si>
    <t>StateWithholding.SC.SpouseDomicile_Text</t>
  </si>
  <si>
    <t>A Enter “1” for yourself</t>
  </si>
  <si>
    <t>StateWithholding_SC_W_4.txtA</t>
  </si>
  <si>
    <t>B Enter “1” if you will file as married filing jointly</t>
  </si>
  <si>
    <t>StateWithholding_SC_W_4.txtB</t>
  </si>
  <si>
    <t>C Enter “1” if you will file as head of household</t>
  </si>
  <si>
    <t>StateWithholding_SC_W_4.txtC</t>
  </si>
  <si>
    <t>D Enter “1” if, 
You’re single, or married filing separately, and have only one job; or
• You’re married filing jointly, have only one job, and your spouse doesn’t work; or
• Your wages from a second job or your spouse’s wages (or the total of both) are $1,500 or less.</t>
  </si>
  <si>
    <t>StateWithholding_SC_W_4.txtD</t>
  </si>
  <si>
    <t>E Federal child tax credit</t>
  </si>
  <si>
    <t>StateWithholding_SC_W_4.txtE</t>
  </si>
  <si>
    <t>Number of eligible childs</t>
  </si>
  <si>
    <t>StateWithholding_SC_W_4.txtE2</t>
  </si>
  <si>
    <t>F Federal credit for other dependents</t>
  </si>
  <si>
    <t>StateWithholding_SC_W_4.txtF</t>
  </si>
  <si>
    <t>Number of eligible dependents</t>
  </si>
  <si>
    <t>StateWithholding_SC_W_4.txtF2</t>
  </si>
  <si>
    <t>G Add lines A through F and enter the total here</t>
  </si>
  <si>
    <t>StateWithholding_SC_W_4.txtG</t>
  </si>
  <si>
    <t>User total income slab selection code</t>
  </si>
  <si>
    <t>StateWithholding_SC_W_4.ddlIncomeSlabForChildTaxCrdt</t>
  </si>
  <si>
    <t>User total income slab selection descrition</t>
  </si>
  <si>
    <t>StateWithholding_SC_W_4.ddlIncomeSlabForChildTaxCrdt_Text</t>
  </si>
  <si>
    <t>If your total income will be less than $71,201 ($103,351 if married filing jointly)</t>
  </si>
  <si>
    <t>If your total income will be from $71,201 to $179,050 ($103,351 to $345,850 if married filing jointly)</t>
  </si>
  <si>
    <t>If your total income will be from $179,051 to $200,000 ($345,851 to $400,000 if married filing jointly)</t>
  </si>
  <si>
    <t>If your total income will be higher than $200,000 ($400,000 if married filing jointly)</t>
  </si>
  <si>
    <t>Enter an estimate of your 2020 itemized deductions. These include qualifying home mortgage interest, charitable contributions, state and local taxes (up to $10,000), and medical expenses in excess of 10% of your income. See IRS Pub. 505 for details</t>
  </si>
  <si>
    <t>StateWithholding_SC_W_4.txtDeduction1</t>
  </si>
  <si>
    <t>Enter:
$24,400 if you’re married filing jointly or qualifying widow(er)_x000D_
$18,350 if you’re head of household_x000D_
$12,200 if you’re single or married filing separately</t>
  </si>
  <si>
    <t>StateWithholding_SC_W_4.txtDeduction2</t>
  </si>
  <si>
    <t>24400
18350
12200</t>
  </si>
  <si>
    <t>Subtract line 2 from line 1. If zero or less, enter “-0-”</t>
  </si>
  <si>
    <t>StateWithholding_SC_W_4.txtDeduction3</t>
  </si>
  <si>
    <t>Enter an estimate of your 2020 adjustments to income and any additional standard deduction for age or blindness (see IRS Pub. 505 for information about these items)</t>
  </si>
  <si>
    <t>StateWithholding_SC_W_4.txtDeduction4</t>
  </si>
  <si>
    <t>Add lines 3 and 4 and enter the total</t>
  </si>
  <si>
    <t>StateWithholding_SC_W_4.txtDeduction5</t>
  </si>
  <si>
    <t>Enter an estimate of your 2020 nonwage income not subject to withholding (such as dividends or interest)</t>
  </si>
  <si>
    <t>StateWithholding_SC_W_4.txtDeduction6</t>
  </si>
  <si>
    <t>Subtract line 6 from line 5. If zero, enter “-0-”. If less than zero, enter the amount in parentheses</t>
  </si>
  <si>
    <t>StateWithholding_SC_W_4.txtDeduction7</t>
  </si>
  <si>
    <t>Divide the amount on line 7 by $4,200 and enter the result here. If a negative amount, enter in parentheses. Drop any fraction</t>
  </si>
  <si>
    <t>StateWithholding_SC_W_4.txtDeduction8</t>
  </si>
  <si>
    <t>Enter the number from the Personal Allowances Worksheet, line G, above</t>
  </si>
  <si>
    <t>StateWithholding_SC_W_4.txtDeduction9</t>
  </si>
  <si>
    <t>Add lines 8 and 9 and enter the total here. If zero or less, enter “-0-”.</t>
  </si>
  <si>
    <t>StateWithholding_SC_W_4.txtDeduction10</t>
  </si>
  <si>
    <t>Filing Status code</t>
  </si>
  <si>
    <t>StateWithholding_SC_W_4.FilingStatus</t>
  </si>
  <si>
    <t>Filing Status text</t>
  </si>
  <si>
    <t>StateWithholding_SC_W_4.FilingStatus_Text</t>
  </si>
  <si>
    <t>Married, but withhold at higher Single rate</t>
  </si>
  <si>
    <t>Under penalties of perjury, I declare that I have examined this certificate and, to the best of my knowledge and belief, it is true, correct, and complete.</t>
  </si>
  <si>
    <t>StateWithholding_SC_W_4.chkAgree</t>
  </si>
  <si>
    <t>Do you want to claim the exemption for military spouse’s and withhold South Carolina taxes and
- Your spouse is a servicemember who is present in South Carolina or a bordering state in compliance with military orders
- You are in South Carolina or the bordering state solely to be with your spouse
- You and your spouse maintain the same domicile in a state other than South Carolina (and the bordering state, if applicable)</t>
  </si>
  <si>
    <t>It was a radio button before. Now it got changed to checkbox.</t>
  </si>
  <si>
    <t>Vermont State Withholding (changes)</t>
  </si>
  <si>
    <t>Is your Vermont filing status:</t>
  </si>
  <si>
    <t>StateWithholding.VT.VT_W_4VT_ddlFilingStatus" text_key="VT_W_4VT_ddlFilingStatus_Text</t>
  </si>
  <si>
    <t>Married/Civil Union Filing Jointly</t>
  </si>
  <si>
    <t xml:space="preserve">M </t>
  </si>
  <si>
    <t>Married/Civil Union Filing Separately</t>
  </si>
  <si>
    <t>CU</t>
  </si>
  <si>
    <t>Married, but withhold at higher single rate</t>
  </si>
  <si>
    <t>MB</t>
  </si>
  <si>
    <t>Enter "1" for yourself if no one can claim you as a dependent</t>
  </si>
  <si>
    <t>StateWithholding.VT.VT_W_4VT_txtIsDependent</t>
  </si>
  <si>
    <t>Enter "1" if you are filing jointly and your spouse does not work</t>
  </si>
  <si>
    <t>StateWithholding.VT.VT_W_4VT_txtFilingJointly</t>
  </si>
  <si>
    <t>Enter the number of dependents you plan to claim on your tax return. If you file jointly, then only one of you should claim the dependents on your W-4VT</t>
  </si>
  <si>
    <t>StateWithholding.VT.VT_W_4VT_txtNumberOfDependents</t>
  </si>
  <si>
    <t>Enter "1" if you plan to file as "head of household"</t>
  </si>
  <si>
    <t>StateWithholding.VT.VT_W_4VT_txtHeadOfHousehold</t>
  </si>
  <si>
    <t>Total number of Vermont allowances</t>
  </si>
  <si>
    <t>StateWithholding.VT.VT_W_4VT_txtTotalNumber</t>
  </si>
  <si>
    <t>Enter an additional amount, if any, you want withheld from each check</t>
  </si>
  <si>
    <t>StateWithholding.VT.VT_W_4VT_txtAdditionalAmount</t>
  </si>
  <si>
    <t>Exempt:  If you had a right to a refund of all your Vermont income tax withheld last year because you had no tax liability and you also expect to have no liability this year, select "Exempt" here</t>
  </si>
  <si>
    <t>StateWithholding.VT.VT_W_4VT_ddlIsExempt</t>
  </si>
  <si>
    <t>Not exempt</t>
  </si>
  <si>
    <t>VT_W_4VT_chkAgree</t>
  </si>
  <si>
    <t>Wisconsin State Withholding (no change)</t>
  </si>
  <si>
    <t>3. I claim complete exemption from withholding (see instructions). Enter “Exempt</t>
  </si>
  <si>
    <t>StateWithholding.WI.WI_WT_4_Exempt</t>
  </si>
  <si>
    <t>StateWithholding.WI.WI_WT_4_Married</t>
  </si>
  <si>
    <t>1. (a) Exemption for yourself – enter 1</t>
  </si>
  <si>
    <t>StateWithholding.WI.0</t>
  </si>
  <si>
    <t>(b) Exemption for your spouse – enter 1</t>
  </si>
  <si>
    <t>StateWithholding.WI.1</t>
  </si>
  <si>
    <t>(c) Exemption(s) for dependent(s) – you are entitled to claim an exemption for each dependent</t>
  </si>
  <si>
    <t>StateWithholding.WI.2</t>
  </si>
  <si>
    <t>(d) Total – add lines (a) through (c)</t>
  </si>
  <si>
    <t>StateWithholding.WI.WI_WT_4_txtExemptionTotal</t>
  </si>
  <si>
    <t>2. Additional amount per pay period you want deducted (if your employer agrees)</t>
  </si>
  <si>
    <t>StateWithholding.WI.WI_WT_4_txtAddlWHAmt</t>
  </si>
  <si>
    <t>WI_WT_4_chkA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6" formatCode="&quot;$&quot;#,##0_);[Red]\(&quot;$&quot;#,##0\)"/>
    <numFmt numFmtId="164" formatCode="&quot;$&quot;#,##0"/>
  </numFmts>
  <fonts count="29">
    <font>
      <sz val="11"/>
      <color theme="1"/>
      <name val="Calibri"/>
      <family val="2"/>
      <scheme val="minor"/>
    </font>
    <font>
      <sz val="10"/>
      <color theme="1"/>
      <name val="Arial Unicode MS"/>
      <family val="2"/>
    </font>
    <font>
      <sz val="14"/>
      <color theme="1"/>
      <name val="Calibri"/>
      <family val="2"/>
      <scheme val="minor"/>
    </font>
    <font>
      <b/>
      <sz val="11"/>
      <color rgb="FF0070C0"/>
      <name val="Calibri"/>
      <family val="2"/>
      <scheme val="minor"/>
    </font>
    <font>
      <b/>
      <sz val="10"/>
      <color theme="1"/>
      <name val="Arial Unicode MS"/>
      <family val="2"/>
    </font>
    <font>
      <b/>
      <sz val="12"/>
      <color theme="1"/>
      <name val="Arial Unicode MS"/>
      <family val="2"/>
    </font>
    <font>
      <strike/>
      <sz val="10"/>
      <color theme="1"/>
      <name val="Arial Unicode MS"/>
      <family val="2"/>
    </font>
    <font>
      <strike/>
      <sz val="11"/>
      <color theme="1"/>
      <name val="Calibri"/>
      <family val="2"/>
      <scheme val="minor"/>
    </font>
    <font>
      <sz val="11"/>
      <name val="Calibri"/>
      <family val="2"/>
      <scheme val="minor"/>
    </font>
    <font>
      <sz val="10"/>
      <color theme="1"/>
      <name val="Times New Roman"/>
      <family val="1"/>
    </font>
    <font>
      <sz val="12"/>
      <color theme="1"/>
      <name val="Times New Roman"/>
      <family val="1"/>
    </font>
    <font>
      <b/>
      <sz val="12"/>
      <name val="Times New Roman"/>
      <family val="1"/>
    </font>
    <font>
      <sz val="10"/>
      <name val="Times New Roman"/>
      <family val="1"/>
    </font>
    <font>
      <b/>
      <sz val="12"/>
      <color theme="1"/>
      <name val="Times New Roman"/>
      <family val="1"/>
    </font>
    <font>
      <sz val="11"/>
      <color rgb="FF172B4D"/>
      <name val="Segoe UI"/>
      <family val="2"/>
    </font>
    <font>
      <sz val="11"/>
      <color rgb="FF222222"/>
      <name val="Segoe UI"/>
      <family val="2"/>
    </font>
    <font>
      <b/>
      <sz val="11"/>
      <color rgb="FF172B4D"/>
      <name val="Segoe UI"/>
      <family val="2"/>
    </font>
    <font>
      <sz val="12"/>
      <name val="Times New Roman"/>
      <family val="1"/>
    </font>
    <font>
      <sz val="12"/>
      <color rgb="FF000000"/>
      <name val="Times New Roman"/>
      <family val="1"/>
    </font>
    <font>
      <sz val="12"/>
      <color theme="1"/>
      <name val="Calibri"/>
      <family val="2"/>
      <scheme val="minor"/>
    </font>
    <font>
      <sz val="10"/>
      <color rgb="FF222222"/>
      <name val="Arial"/>
      <family val="2"/>
      <charset val="204"/>
    </font>
    <font>
      <b/>
      <sz val="8"/>
      <color rgb="FF222222"/>
      <name val="Arial"/>
      <family val="2"/>
      <charset val="204"/>
    </font>
    <font>
      <sz val="8"/>
      <color rgb="FF222222"/>
      <name val="Arial"/>
      <family val="2"/>
      <charset val="204"/>
    </font>
    <font>
      <sz val="10"/>
      <color rgb="FF222222"/>
      <name val="Arial"/>
      <family val="2"/>
    </font>
    <font>
      <b/>
      <sz val="10"/>
      <color rgb="FF222222"/>
      <name val="Arial"/>
      <family val="2"/>
    </font>
    <font>
      <strike/>
      <sz val="10"/>
      <color rgb="FFFF0000"/>
      <name val="Arial Unicode MS"/>
      <family val="2"/>
    </font>
    <font>
      <strike/>
      <sz val="11"/>
      <color rgb="FFFF0000"/>
      <name val="Calibri"/>
      <family val="2"/>
      <scheme val="minor"/>
    </font>
    <font>
      <sz val="11"/>
      <color rgb="FF548235"/>
      <name val="Calibri"/>
      <family val="2"/>
      <scheme val="minor"/>
    </font>
    <font>
      <sz val="9"/>
      <color rgb="FF548235"/>
      <name val="SFMono-Regular"/>
      <charset val="1"/>
    </font>
  </fonts>
  <fills count="5">
    <fill>
      <patternFill patternType="none"/>
    </fill>
    <fill>
      <patternFill patternType="gray125"/>
    </fill>
    <fill>
      <patternFill patternType="solid">
        <fgColor rgb="FFFFFF00"/>
        <bgColor indexed="64"/>
      </patternFill>
    </fill>
    <fill>
      <patternFill patternType="solid">
        <fgColor theme="0"/>
        <bgColor indexed="64"/>
      </patternFill>
    </fill>
    <fill>
      <patternFill patternType="solid">
        <fgColor rgb="FFFFFFFF"/>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right style="medium">
        <color indexed="64"/>
      </right>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style="medium">
        <color indexed="64"/>
      </top>
      <bottom/>
      <diagonal/>
    </border>
    <border>
      <left/>
      <right style="medium">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right style="medium">
        <color indexed="64"/>
      </right>
      <top/>
      <bottom/>
      <diagonal/>
    </border>
    <border>
      <left/>
      <right style="medium">
        <color rgb="FFC1C7D0"/>
      </right>
      <top style="medium">
        <color rgb="FFC1C7D0"/>
      </top>
      <bottom style="medium">
        <color rgb="FFC1C7D0"/>
      </bottom>
      <diagonal/>
    </border>
    <border>
      <left style="medium">
        <color indexed="64"/>
      </left>
      <right/>
      <top/>
      <bottom/>
      <diagonal/>
    </border>
    <border>
      <left style="medium">
        <color indexed="64"/>
      </left>
      <right style="medium">
        <color indexed="64"/>
      </right>
      <top/>
      <bottom/>
      <diagonal/>
    </border>
    <border>
      <left style="medium">
        <color indexed="64"/>
      </left>
      <right style="medium">
        <color indexed="64"/>
      </right>
      <top style="medium">
        <color indexed="64"/>
      </top>
      <bottom style="medium">
        <color indexed="64"/>
      </bottom>
      <diagonal/>
    </border>
  </borders>
  <cellStyleXfs count="1">
    <xf numFmtId="0" fontId="0" fillId="0" borderId="0"/>
  </cellStyleXfs>
  <cellXfs count="131">
    <xf numFmtId="0" fontId="0" fillId="0" borderId="0" xfId="0"/>
    <xf numFmtId="0" fontId="1" fillId="0" borderId="0" xfId="0" applyFont="1"/>
    <xf numFmtId="0" fontId="1" fillId="0" borderId="0" xfId="0" applyFont="1" applyAlignment="1">
      <alignment wrapText="1"/>
    </xf>
    <xf numFmtId="0" fontId="1" fillId="0" borderId="0" xfId="0" applyFont="1" applyAlignment="1">
      <alignment vertical="center"/>
    </xf>
    <xf numFmtId="0" fontId="1" fillId="0" borderId="0" xfId="0" applyFont="1" applyAlignment="1">
      <alignment vertical="center" wrapText="1"/>
    </xf>
    <xf numFmtId="0" fontId="1" fillId="0" borderId="0" xfId="0" applyFont="1" applyAlignment="1">
      <alignment horizontal="left" vertical="center"/>
    </xf>
    <xf numFmtId="0" fontId="3" fillId="0" borderId="1" xfId="0" applyFont="1" applyBorder="1"/>
    <xf numFmtId="0" fontId="0" fillId="0" borderId="0" xfId="0" applyAlignment="1">
      <alignment wrapText="1"/>
    </xf>
    <xf numFmtId="10" fontId="1" fillId="0" borderId="0" xfId="0" applyNumberFormat="1" applyFont="1" applyAlignment="1">
      <alignment vertical="center"/>
    </xf>
    <xf numFmtId="0" fontId="1" fillId="0" borderId="0" xfId="0" applyFont="1" applyAlignment="1">
      <alignment horizontal="left" vertical="center" wrapText="1"/>
    </xf>
    <xf numFmtId="0" fontId="1" fillId="0" borderId="0" xfId="0" applyFont="1" applyFill="1" applyBorder="1" applyAlignment="1">
      <alignment vertical="center"/>
    </xf>
    <xf numFmtId="0" fontId="1" fillId="0" borderId="0" xfId="0" applyFont="1" applyAlignment="1"/>
    <xf numFmtId="0" fontId="0" fillId="0" borderId="1" xfId="0" applyBorder="1"/>
    <xf numFmtId="0" fontId="1" fillId="0" borderId="1" xfId="0" applyFont="1" applyBorder="1" applyAlignment="1">
      <alignment vertical="center"/>
    </xf>
    <xf numFmtId="0" fontId="1" fillId="0" borderId="1" xfId="0" applyFont="1" applyBorder="1" applyAlignment="1">
      <alignment vertical="center" wrapText="1"/>
    </xf>
    <xf numFmtId="0" fontId="1" fillId="0" borderId="1" xfId="0" applyFont="1" applyFill="1" applyBorder="1" applyAlignment="1">
      <alignment vertical="center"/>
    </xf>
    <xf numFmtId="164" fontId="1" fillId="0" borderId="1" xfId="0" applyNumberFormat="1" applyFont="1" applyBorder="1" applyAlignment="1">
      <alignment vertical="center"/>
    </xf>
    <xf numFmtId="0" fontId="0" fillId="0" borderId="0" xfId="0" applyAlignment="1">
      <alignment horizontal="left"/>
    </xf>
    <xf numFmtId="0" fontId="0" fillId="0" borderId="0" xfId="0" applyFont="1"/>
    <xf numFmtId="0" fontId="0" fillId="0" borderId="0" xfId="0" applyFont="1" applyAlignment="1"/>
    <xf numFmtId="0" fontId="1" fillId="2" borderId="0" xfId="0" applyFont="1" applyFill="1"/>
    <xf numFmtId="0" fontId="1" fillId="2" borderId="0" xfId="0" applyFont="1" applyFill="1" applyAlignment="1">
      <alignment vertical="center"/>
    </xf>
    <xf numFmtId="0" fontId="0" fillId="2" borderId="0" xfId="0" applyFill="1"/>
    <xf numFmtId="0" fontId="0" fillId="0" borderId="0" xfId="0" applyFill="1"/>
    <xf numFmtId="0" fontId="6" fillId="0" borderId="0" xfId="0" applyFont="1" applyFill="1" applyAlignment="1">
      <alignment wrapText="1"/>
    </xf>
    <xf numFmtId="0" fontId="6" fillId="0" borderId="0" xfId="0" applyFont="1" applyFill="1"/>
    <xf numFmtId="0" fontId="7" fillId="0" borderId="0" xfId="0" applyFont="1" applyFill="1"/>
    <xf numFmtId="0" fontId="1" fillId="3" borderId="1" xfId="0" applyFont="1" applyFill="1" applyBorder="1"/>
    <xf numFmtId="0" fontId="1" fillId="3" borderId="1" xfId="0" applyFont="1" applyFill="1" applyBorder="1" applyAlignment="1">
      <alignment wrapText="1"/>
    </xf>
    <xf numFmtId="0" fontId="1" fillId="3" borderId="1" xfId="0" applyFont="1" applyFill="1" applyBorder="1" applyAlignment="1">
      <alignment vertical="center"/>
    </xf>
    <xf numFmtId="0" fontId="1" fillId="0" borderId="1" xfId="0" applyFont="1" applyBorder="1" applyAlignment="1">
      <alignment wrapText="1"/>
    </xf>
    <xf numFmtId="0" fontId="1" fillId="0" borderId="1" xfId="0" applyFont="1" applyBorder="1"/>
    <xf numFmtId="6" fontId="1" fillId="0" borderId="0" xfId="0" applyNumberFormat="1" applyFont="1"/>
    <xf numFmtId="6" fontId="1" fillId="0" borderId="0" xfId="0" applyNumberFormat="1" applyFont="1" applyAlignment="1">
      <alignment vertical="center"/>
    </xf>
    <xf numFmtId="0" fontId="1" fillId="0" borderId="0" xfId="0" applyFont="1" applyFill="1" applyAlignment="1">
      <alignment wrapText="1"/>
    </xf>
    <xf numFmtId="0" fontId="1" fillId="0" borderId="0" xfId="0" applyFont="1" applyFill="1"/>
    <xf numFmtId="0" fontId="8" fillId="0" borderId="0" xfId="0" applyFont="1"/>
    <xf numFmtId="0" fontId="11" fillId="0" borderId="2" xfId="0" applyFont="1" applyBorder="1" applyAlignment="1">
      <alignment vertical="center" wrapText="1"/>
    </xf>
    <xf numFmtId="0" fontId="12" fillId="0" borderId="2" xfId="0" applyFont="1" applyBorder="1" applyAlignment="1">
      <alignment vertical="center" wrapText="1"/>
    </xf>
    <xf numFmtId="0" fontId="13" fillId="0" borderId="6" xfId="0" applyFont="1" applyBorder="1" applyAlignment="1">
      <alignment vertical="center" wrapText="1"/>
    </xf>
    <xf numFmtId="0" fontId="14" fillId="0" borderId="14" xfId="0" applyFont="1" applyBorder="1" applyAlignment="1">
      <alignment horizontal="left" vertical="top" wrapText="1"/>
    </xf>
    <xf numFmtId="0" fontId="14" fillId="0" borderId="1" xfId="0" applyFont="1" applyBorder="1" applyAlignment="1">
      <alignment horizontal="left" vertical="top" wrapText="1"/>
    </xf>
    <xf numFmtId="0" fontId="14" fillId="0" borderId="1" xfId="0" applyFont="1" applyBorder="1" applyAlignment="1">
      <alignment vertical="center" wrapText="1"/>
    </xf>
    <xf numFmtId="0" fontId="17" fillId="0" borderId="2" xfId="0" applyFont="1" applyBorder="1" applyAlignment="1">
      <alignment vertical="center" wrapText="1"/>
    </xf>
    <xf numFmtId="0" fontId="18" fillId="0" borderId="2" xfId="0" applyFont="1" applyBorder="1" applyAlignment="1">
      <alignment vertical="center" wrapText="1"/>
    </xf>
    <xf numFmtId="0" fontId="13" fillId="0" borderId="2" xfId="0" applyFont="1" applyBorder="1" applyAlignment="1">
      <alignment horizontal="center" vertical="center" wrapText="1"/>
    </xf>
    <xf numFmtId="0" fontId="11" fillId="0" borderId="3" xfId="0" applyFont="1" applyBorder="1" applyAlignment="1">
      <alignment horizontal="center" vertical="center" wrapText="1"/>
    </xf>
    <xf numFmtId="0" fontId="13" fillId="0" borderId="17" xfId="0" applyFont="1" applyBorder="1" applyAlignment="1">
      <alignment horizontal="center" vertical="center" wrapText="1"/>
    </xf>
    <xf numFmtId="0" fontId="17" fillId="0" borderId="2" xfId="0" applyFont="1" applyFill="1" applyBorder="1" applyAlignment="1">
      <alignment vertical="center" wrapText="1"/>
    </xf>
    <xf numFmtId="0" fontId="9" fillId="0" borderId="2" xfId="0" applyFont="1" applyFill="1" applyBorder="1" applyAlignment="1">
      <alignment vertical="center" wrapText="1"/>
    </xf>
    <xf numFmtId="0" fontId="16" fillId="0" borderId="1" xfId="0" applyFont="1" applyFill="1" applyBorder="1" applyAlignment="1">
      <alignment horizontal="left" vertical="top" wrapText="1"/>
    </xf>
    <xf numFmtId="0" fontId="15" fillId="0" borderId="1" xfId="0" applyFont="1" applyFill="1" applyBorder="1" applyAlignment="1">
      <alignment horizontal="left" vertical="top" wrapText="1"/>
    </xf>
    <xf numFmtId="0" fontId="20" fillId="0" borderId="0" xfId="0" applyFont="1"/>
    <xf numFmtId="0" fontId="20" fillId="0" borderId="0" xfId="0" applyFont="1" applyAlignment="1">
      <alignment horizontal="left" vertical="center" wrapText="1"/>
    </xf>
    <xf numFmtId="0" fontId="21" fillId="0" borderId="0" xfId="0" applyFont="1"/>
    <xf numFmtId="0" fontId="22" fillId="0" borderId="0" xfId="0" applyFont="1"/>
    <xf numFmtId="0" fontId="22" fillId="4" borderId="0" xfId="0" applyFont="1" applyFill="1" applyAlignment="1">
      <alignment vertical="center" wrapText="1"/>
    </xf>
    <xf numFmtId="0" fontId="24" fillId="0" borderId="0" xfId="0" applyFont="1" applyAlignment="1">
      <alignment wrapText="1"/>
    </xf>
    <xf numFmtId="0" fontId="23" fillId="0" borderId="0" xfId="0" applyFont="1" applyAlignment="1"/>
    <xf numFmtId="0" fontId="0" fillId="0" borderId="0" xfId="0" applyAlignment="1"/>
    <xf numFmtId="0" fontId="25" fillId="0" borderId="0" xfId="0" applyFont="1" applyAlignment="1">
      <alignment vertical="center" wrapText="1"/>
    </xf>
    <xf numFmtId="0" fontId="26" fillId="0" borderId="0" xfId="0" applyFont="1"/>
    <xf numFmtId="0" fontId="25" fillId="0" borderId="0" xfId="0" applyFont="1"/>
    <xf numFmtId="0" fontId="27" fillId="0" borderId="0" xfId="0" applyFont="1"/>
    <xf numFmtId="0" fontId="28" fillId="0" borderId="0" xfId="0" applyFont="1"/>
    <xf numFmtId="0" fontId="27" fillId="0" borderId="0" xfId="0" applyFont="1" applyAlignment="1">
      <alignment wrapText="1"/>
    </xf>
    <xf numFmtId="0" fontId="3" fillId="0" borderId="1" xfId="0" applyFont="1" applyBorder="1" applyAlignment="1">
      <alignment wrapText="1"/>
    </xf>
    <xf numFmtId="0" fontId="10" fillId="0" borderId="6" xfId="0" applyFont="1" applyBorder="1" applyAlignment="1">
      <alignment vertical="center" wrapText="1"/>
    </xf>
    <xf numFmtId="0" fontId="9" fillId="0" borderId="2" xfId="0" applyFont="1" applyBorder="1" applyAlignment="1">
      <alignment vertical="center" wrapText="1"/>
    </xf>
    <xf numFmtId="0" fontId="14" fillId="0" borderId="1" xfId="0" applyFont="1" applyFill="1" applyBorder="1" applyAlignment="1">
      <alignment horizontal="left" vertical="top" wrapText="1"/>
    </xf>
    <xf numFmtId="0" fontId="10" fillId="0" borderId="2" xfId="0" applyFont="1" applyBorder="1" applyAlignment="1">
      <alignment vertical="center" wrapText="1"/>
    </xf>
    <xf numFmtId="0" fontId="13" fillId="0" borderId="3" xfId="0" applyFont="1" applyBorder="1" applyAlignment="1">
      <alignment horizontal="center" vertical="center" wrapText="1"/>
    </xf>
    <xf numFmtId="0" fontId="10" fillId="0" borderId="13" xfId="0" applyFont="1" applyBorder="1" applyAlignment="1">
      <alignment vertical="center" wrapText="1"/>
    </xf>
    <xf numFmtId="0" fontId="2" fillId="0" borderId="0" xfId="0" applyFont="1" applyAlignment="1">
      <alignment horizontal="center"/>
    </xf>
    <xf numFmtId="0" fontId="13" fillId="0" borderId="5" xfId="0" applyFont="1" applyBorder="1" applyAlignment="1">
      <alignment horizontal="center" vertical="center" wrapText="1"/>
    </xf>
    <xf numFmtId="0" fontId="13" fillId="0" borderId="4" xfId="0" applyFont="1" applyBorder="1" applyAlignment="1">
      <alignment horizontal="center" vertical="center" wrapText="1"/>
    </xf>
    <xf numFmtId="0" fontId="13" fillId="0" borderId="3" xfId="0" applyFont="1" applyBorder="1" applyAlignment="1">
      <alignment horizontal="center" vertical="center" wrapText="1"/>
    </xf>
    <xf numFmtId="0" fontId="10" fillId="0" borderId="12" xfId="0" applyFont="1" applyBorder="1" applyAlignment="1">
      <alignment vertical="center" wrapText="1"/>
    </xf>
    <xf numFmtId="0" fontId="10" fillId="0" borderId="11" xfId="0" applyFont="1" applyBorder="1" applyAlignment="1">
      <alignment vertical="center" wrapText="1"/>
    </xf>
    <xf numFmtId="0" fontId="10" fillId="0" borderId="10" xfId="0" applyFont="1" applyBorder="1" applyAlignment="1">
      <alignment vertical="center" wrapText="1"/>
    </xf>
    <xf numFmtId="0" fontId="10" fillId="0" borderId="15" xfId="0" applyFont="1" applyBorder="1" applyAlignment="1">
      <alignment vertical="center" wrapText="1"/>
    </xf>
    <xf numFmtId="0" fontId="10" fillId="0" borderId="0" xfId="0" applyFont="1" applyAlignment="1">
      <alignment vertical="center" wrapText="1"/>
    </xf>
    <xf numFmtId="0" fontId="10" fillId="0" borderId="13" xfId="0" applyFont="1" applyBorder="1" applyAlignment="1">
      <alignment vertical="center" wrapText="1"/>
    </xf>
    <xf numFmtId="0" fontId="10" fillId="0" borderId="8" xfId="0" applyFont="1" applyBorder="1" applyAlignment="1">
      <alignment vertical="center" wrapText="1"/>
    </xf>
    <xf numFmtId="0" fontId="10" fillId="0" borderId="7" xfId="0" applyFont="1" applyBorder="1" applyAlignment="1">
      <alignment vertical="center" wrapText="1"/>
    </xf>
    <xf numFmtId="0" fontId="10" fillId="0" borderId="2" xfId="0" applyFont="1" applyBorder="1" applyAlignment="1">
      <alignment vertical="center" wrapText="1"/>
    </xf>
    <xf numFmtId="0" fontId="10" fillId="0" borderId="9" xfId="0" applyFont="1" applyBorder="1" applyAlignment="1">
      <alignment vertical="center" wrapText="1"/>
    </xf>
    <xf numFmtId="0" fontId="10" fillId="0" borderId="16" xfId="0" applyFont="1" applyBorder="1" applyAlignment="1">
      <alignment vertical="center" wrapText="1"/>
    </xf>
    <xf numFmtId="0" fontId="17" fillId="0" borderId="9" xfId="0" applyFont="1" applyBorder="1" applyAlignment="1">
      <alignment vertical="center" wrapText="1"/>
    </xf>
    <xf numFmtId="0" fontId="17" fillId="0" borderId="16" xfId="0" applyFont="1" applyBorder="1" applyAlignment="1">
      <alignment vertical="center" wrapText="1"/>
    </xf>
    <xf numFmtId="0" fontId="11" fillId="0" borderId="9" xfId="0" applyFont="1" applyBorder="1" applyAlignment="1">
      <alignment vertical="center" wrapText="1"/>
    </xf>
    <xf numFmtId="0" fontId="11" fillId="0" borderId="16" xfId="0" applyFont="1" applyBorder="1" applyAlignment="1">
      <alignment vertical="center" wrapText="1"/>
    </xf>
    <xf numFmtId="0" fontId="11" fillId="0" borderId="6" xfId="0" applyFont="1" applyBorder="1" applyAlignment="1">
      <alignment vertical="center" wrapText="1"/>
    </xf>
    <xf numFmtId="0" fontId="10" fillId="0" borderId="6" xfId="0" applyFont="1" applyBorder="1" applyAlignment="1">
      <alignment vertical="center" wrapText="1"/>
    </xf>
    <xf numFmtId="0" fontId="9" fillId="0" borderId="9" xfId="0" applyFont="1" applyBorder="1" applyAlignment="1">
      <alignment vertical="center" wrapText="1"/>
    </xf>
    <xf numFmtId="0" fontId="9" fillId="0" borderId="16" xfId="0" applyFont="1" applyBorder="1" applyAlignment="1">
      <alignment vertical="center" wrapText="1"/>
    </xf>
    <xf numFmtId="0" fontId="9" fillId="0" borderId="6" xfId="0" applyFont="1" applyBorder="1" applyAlignment="1">
      <alignment vertical="center" wrapText="1"/>
    </xf>
    <xf numFmtId="0" fontId="9" fillId="0" borderId="5" xfId="0" applyFont="1" applyBorder="1" applyAlignment="1">
      <alignment vertical="center" wrapText="1"/>
    </xf>
    <xf numFmtId="0" fontId="9" fillId="0" borderId="4" xfId="0" applyFont="1" applyBorder="1" applyAlignment="1">
      <alignment vertical="center" wrapText="1"/>
    </xf>
    <xf numFmtId="0" fontId="9" fillId="0" borderId="3" xfId="0" applyFont="1" applyBorder="1" applyAlignment="1">
      <alignment vertical="center" wrapText="1"/>
    </xf>
    <xf numFmtId="0" fontId="10" fillId="0" borderId="5" xfId="0" applyFont="1" applyBorder="1" applyAlignment="1">
      <alignment vertical="center" wrapText="1"/>
    </xf>
    <xf numFmtId="0" fontId="10" fillId="0" borderId="4" xfId="0" applyFont="1" applyBorder="1" applyAlignment="1">
      <alignment vertical="center" wrapText="1"/>
    </xf>
    <xf numFmtId="0" fontId="10" fillId="0" borderId="3" xfId="0" applyFont="1" applyBorder="1" applyAlignment="1">
      <alignment vertical="center" wrapText="1"/>
    </xf>
    <xf numFmtId="0" fontId="9" fillId="0" borderId="5" xfId="0" applyFont="1" applyFill="1" applyBorder="1" applyAlignment="1">
      <alignment vertical="center" wrapText="1"/>
    </xf>
    <xf numFmtId="0" fontId="9" fillId="0" borderId="4" xfId="0" applyFont="1" applyFill="1" applyBorder="1" applyAlignment="1">
      <alignment vertical="center"/>
    </xf>
    <xf numFmtId="0" fontId="9" fillId="0" borderId="3" xfId="0" applyFont="1" applyFill="1" applyBorder="1" applyAlignment="1">
      <alignment vertical="center"/>
    </xf>
    <xf numFmtId="0" fontId="0" fillId="0" borderId="15" xfId="0" applyBorder="1" applyAlignment="1">
      <alignment vertical="center" wrapText="1"/>
    </xf>
    <xf numFmtId="0" fontId="0" fillId="0" borderId="0" xfId="0" applyAlignment="1">
      <alignment vertical="center" wrapText="1"/>
    </xf>
    <xf numFmtId="0" fontId="0" fillId="0" borderId="13" xfId="0" applyBorder="1" applyAlignment="1">
      <alignment vertical="center" wrapText="1"/>
    </xf>
    <xf numFmtId="0" fontId="17" fillId="0" borderId="6" xfId="0" applyFont="1" applyBorder="1" applyAlignment="1">
      <alignment vertical="center" wrapText="1"/>
    </xf>
    <xf numFmtId="0" fontId="9" fillId="0" borderId="12" xfId="0" applyFont="1" applyBorder="1" applyAlignment="1">
      <alignment vertical="center" wrapText="1"/>
    </xf>
    <xf numFmtId="0" fontId="9" fillId="0" borderId="11" xfId="0" applyFont="1" applyBorder="1" applyAlignment="1">
      <alignment vertical="center" wrapText="1"/>
    </xf>
    <xf numFmtId="0" fontId="9" fillId="0" borderId="10" xfId="0" applyFont="1" applyBorder="1" applyAlignment="1">
      <alignment vertical="center" wrapText="1"/>
    </xf>
    <xf numFmtId="0" fontId="9" fillId="0" borderId="8" xfId="0" applyFont="1" applyBorder="1" applyAlignment="1">
      <alignment vertical="center" wrapText="1"/>
    </xf>
    <xf numFmtId="0" fontId="9" fillId="0" borderId="7" xfId="0" applyFont="1" applyBorder="1" applyAlignment="1">
      <alignment vertical="center" wrapText="1"/>
    </xf>
    <xf numFmtId="0" fontId="9" fillId="0" borderId="2" xfId="0" applyFont="1" applyBorder="1" applyAlignment="1">
      <alignment vertical="center" wrapText="1"/>
    </xf>
    <xf numFmtId="0" fontId="9" fillId="0" borderId="15" xfId="0" applyFont="1" applyBorder="1" applyAlignment="1">
      <alignment vertical="center" wrapText="1"/>
    </xf>
    <xf numFmtId="0" fontId="9" fillId="0" borderId="0" xfId="0" applyFont="1" applyBorder="1" applyAlignment="1">
      <alignment vertical="center" wrapText="1"/>
    </xf>
    <xf numFmtId="0" fontId="9" fillId="0" borderId="13" xfId="0" applyFont="1" applyBorder="1" applyAlignment="1">
      <alignment vertical="center" wrapText="1"/>
    </xf>
    <xf numFmtId="0" fontId="10" fillId="0" borderId="9" xfId="0" applyFont="1" applyBorder="1" applyAlignment="1">
      <alignment horizontal="left" vertical="center" wrapText="1"/>
    </xf>
    <xf numFmtId="0" fontId="10" fillId="0" borderId="16" xfId="0" applyFont="1" applyBorder="1" applyAlignment="1">
      <alignment horizontal="left" vertical="center" wrapText="1"/>
    </xf>
    <xf numFmtId="0" fontId="10" fillId="0" borderId="6" xfId="0" applyFont="1" applyBorder="1" applyAlignment="1">
      <alignment horizontal="left" vertical="center" wrapText="1"/>
    </xf>
    <xf numFmtId="0" fontId="9" fillId="0" borderId="0" xfId="0" applyFont="1" applyAlignment="1">
      <alignment vertical="center" wrapText="1"/>
    </xf>
    <xf numFmtId="0" fontId="19" fillId="0" borderId="9" xfId="0" applyFont="1" applyBorder="1" applyAlignment="1">
      <alignment horizontal="left" vertical="center" wrapText="1"/>
    </xf>
    <xf numFmtId="0" fontId="19" fillId="0" borderId="16" xfId="0" applyFont="1" applyBorder="1" applyAlignment="1">
      <alignment horizontal="left" vertical="center" wrapText="1"/>
    </xf>
    <xf numFmtId="0" fontId="19" fillId="0" borderId="6" xfId="0" applyFont="1" applyBorder="1" applyAlignment="1">
      <alignment horizontal="left" vertical="center" wrapText="1"/>
    </xf>
    <xf numFmtId="0" fontId="14" fillId="0" borderId="1" xfId="0" applyFont="1" applyFill="1" applyBorder="1" applyAlignment="1">
      <alignment horizontal="left" vertical="top" wrapText="1"/>
    </xf>
    <xf numFmtId="0" fontId="5" fillId="0" borderId="0" xfId="0" applyFont="1" applyAlignment="1">
      <alignment horizontal="center" vertical="center"/>
    </xf>
    <xf numFmtId="0" fontId="4" fillId="0" borderId="0" xfId="0" applyFont="1" applyAlignment="1">
      <alignment horizontal="center" vertical="center"/>
    </xf>
    <xf numFmtId="0" fontId="0" fillId="0" borderId="0" xfId="0" applyAlignment="1">
      <alignment horizontal="center"/>
    </xf>
    <xf numFmtId="0" fontId="2" fillId="0" borderId="1" xfId="0" applyFont="1" applyBorder="1" applyAlignment="1">
      <alignment horizontal="center"/>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customXml" Target="../customXml/item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 Id="rId8" Type="http://schemas.openxmlformats.org/officeDocument/2006/relationships/worksheet" Target="worksheets/sheet8.xml"/><Relationship Id="rId3" Type="http://schemas.openxmlformats.org/officeDocument/2006/relationships/worksheet" Target="worksheets/sheet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xl/drawings/_rels/drawing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image" Target="../media/image8.png"/><Relationship Id="rId6" Type="http://schemas.openxmlformats.org/officeDocument/2006/relationships/image" Target="../media/image13.png"/><Relationship Id="rId5" Type="http://schemas.openxmlformats.org/officeDocument/2006/relationships/image" Target="../media/image12.png"/><Relationship Id="rId4" Type="http://schemas.openxmlformats.org/officeDocument/2006/relationships/image" Target="../media/image11.png"/></Relationships>
</file>

<file path=xl/drawings/_rels/drawing4.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image" Target="../media/image14.png"/></Relationships>
</file>

<file path=xl/drawings/_rels/drawing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image" Target="../media/image16.png"/></Relationships>
</file>

<file path=xl/drawings/_rels/drawing6.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image" Target="../media/image18.png"/></Relationships>
</file>

<file path=xl/drawings/_rels/drawing8.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image" Target="../media/image20.png"/></Relationships>
</file>

<file path=xl/drawings/drawing1.xml><?xml version="1.0" encoding="utf-8"?>
<xdr:wsDr xmlns:xdr="http://schemas.openxmlformats.org/drawingml/2006/spreadsheetDrawing" xmlns:a="http://schemas.openxmlformats.org/drawingml/2006/main">
  <xdr:twoCellAnchor editAs="oneCell">
    <xdr:from>
      <xdr:col>6</xdr:col>
      <xdr:colOff>419100</xdr:colOff>
      <xdr:row>7</xdr:row>
      <xdr:rowOff>228600</xdr:rowOff>
    </xdr:from>
    <xdr:to>
      <xdr:col>18</xdr:col>
      <xdr:colOff>46757</xdr:colOff>
      <xdr:row>14</xdr:row>
      <xdr:rowOff>132937</xdr:rowOff>
    </xdr:to>
    <xdr:pic>
      <xdr:nvPicPr>
        <xdr:cNvPr id="3" name="Picture 2">
          <a:extLst>
            <a:ext uri="{FF2B5EF4-FFF2-40B4-BE49-F238E27FC236}">
              <a16:creationId xmlns:a16="http://schemas.microsoft.com/office/drawing/2014/main" id="{FF0A7993-1065-4E88-922F-F467007DE928}"/>
            </a:ext>
          </a:extLst>
        </xdr:cNvPr>
        <xdr:cNvPicPr>
          <a:picLocks noChangeAspect="1"/>
        </xdr:cNvPicPr>
      </xdr:nvPicPr>
      <xdr:blipFill>
        <a:blip xmlns:r="http://schemas.openxmlformats.org/officeDocument/2006/relationships" r:embed="rId1"/>
        <a:stretch>
          <a:fillRect/>
        </a:stretch>
      </xdr:blipFill>
      <xdr:spPr>
        <a:xfrm>
          <a:off x="8772525" y="2438400"/>
          <a:ext cx="6942857" cy="3304762"/>
        </a:xfrm>
        <a:prstGeom prst="rect">
          <a:avLst/>
        </a:prstGeom>
      </xdr:spPr>
    </xdr:pic>
    <xdr:clientData/>
  </xdr:twoCellAnchor>
  <xdr:twoCellAnchor>
    <xdr:from>
      <xdr:col>7</xdr:col>
      <xdr:colOff>123825</xdr:colOff>
      <xdr:row>5</xdr:row>
      <xdr:rowOff>57150</xdr:rowOff>
    </xdr:from>
    <xdr:to>
      <xdr:col>14</xdr:col>
      <xdr:colOff>95250</xdr:colOff>
      <xdr:row>7</xdr:row>
      <xdr:rowOff>133350</xdr:rowOff>
    </xdr:to>
    <xdr:sp macro="" textlink="">
      <xdr:nvSpPr>
        <xdr:cNvPr id="4" name="TextBox 3">
          <a:extLst>
            <a:ext uri="{FF2B5EF4-FFF2-40B4-BE49-F238E27FC236}">
              <a16:creationId xmlns:a16="http://schemas.microsoft.com/office/drawing/2014/main" id="{82B406DD-E9D6-4F66-9533-3FC9BF4EDCA3}"/>
            </a:ext>
          </a:extLst>
        </xdr:cNvPr>
        <xdr:cNvSpPr txBox="1"/>
      </xdr:nvSpPr>
      <xdr:spPr>
        <a:xfrm>
          <a:off x="9086850" y="1619250"/>
          <a:ext cx="4238625" cy="7239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Worksheet removed</a:t>
          </a:r>
        </a:p>
        <a:p>
          <a:r>
            <a:rPr lang="en-US" sz="1100"/>
            <a:t>Additional or Reduced Work</a:t>
          </a:r>
          <a:r>
            <a:rPr lang="en-US" sz="1100" baseline="0"/>
            <a:t>sheet Removed</a:t>
          </a:r>
          <a:endParaRPr 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5</xdr:col>
      <xdr:colOff>0</xdr:colOff>
      <xdr:row>14</xdr:row>
      <xdr:rowOff>0</xdr:rowOff>
    </xdr:from>
    <xdr:to>
      <xdr:col>14</xdr:col>
      <xdr:colOff>523124</xdr:colOff>
      <xdr:row>23</xdr:row>
      <xdr:rowOff>218644</xdr:rowOff>
    </xdr:to>
    <xdr:pic>
      <xdr:nvPicPr>
        <xdr:cNvPr id="3" name="Picture 2">
          <a:extLst>
            <a:ext uri="{FF2B5EF4-FFF2-40B4-BE49-F238E27FC236}">
              <a16:creationId xmlns:a16="http://schemas.microsoft.com/office/drawing/2014/main" id="{4C22EBF4-3E40-4A6F-B593-684229B5FF65}"/>
            </a:ext>
          </a:extLst>
        </xdr:cNvPr>
        <xdr:cNvPicPr>
          <a:picLocks noChangeAspect="1"/>
        </xdr:cNvPicPr>
      </xdr:nvPicPr>
      <xdr:blipFill>
        <a:blip xmlns:r="http://schemas.openxmlformats.org/officeDocument/2006/relationships" r:embed="rId1"/>
        <a:stretch>
          <a:fillRect/>
        </a:stretch>
      </xdr:blipFill>
      <xdr:spPr>
        <a:xfrm>
          <a:off x="9382125" y="5467350"/>
          <a:ext cx="6009524" cy="3447619"/>
        </a:xfrm>
        <a:prstGeom prst="rect">
          <a:avLst/>
        </a:prstGeom>
      </xdr:spPr>
    </xdr:pic>
    <xdr:clientData/>
  </xdr:twoCellAnchor>
  <xdr:twoCellAnchor editAs="oneCell">
    <xdr:from>
      <xdr:col>16</xdr:col>
      <xdr:colOff>0</xdr:colOff>
      <xdr:row>3</xdr:row>
      <xdr:rowOff>0</xdr:rowOff>
    </xdr:from>
    <xdr:to>
      <xdr:col>25</xdr:col>
      <xdr:colOff>504076</xdr:colOff>
      <xdr:row>11</xdr:row>
      <xdr:rowOff>123370</xdr:rowOff>
    </xdr:to>
    <xdr:pic>
      <xdr:nvPicPr>
        <xdr:cNvPr id="4" name="Picture 3">
          <a:extLst>
            <a:ext uri="{FF2B5EF4-FFF2-40B4-BE49-F238E27FC236}">
              <a16:creationId xmlns:a16="http://schemas.microsoft.com/office/drawing/2014/main" id="{01EF17E0-5822-48C1-9007-9F0D616BDF50}"/>
            </a:ext>
          </a:extLst>
        </xdr:cNvPr>
        <xdr:cNvPicPr>
          <a:picLocks noChangeAspect="1"/>
        </xdr:cNvPicPr>
      </xdr:nvPicPr>
      <xdr:blipFill>
        <a:blip xmlns:r="http://schemas.openxmlformats.org/officeDocument/2006/relationships" r:embed="rId2"/>
        <a:stretch>
          <a:fillRect/>
        </a:stretch>
      </xdr:blipFill>
      <xdr:spPr>
        <a:xfrm>
          <a:off x="16087725" y="619125"/>
          <a:ext cx="5990476" cy="3638095"/>
        </a:xfrm>
        <a:prstGeom prst="rect">
          <a:avLst/>
        </a:prstGeom>
      </xdr:spPr>
    </xdr:pic>
    <xdr:clientData/>
  </xdr:twoCellAnchor>
  <xdr:twoCellAnchor editAs="oneCell">
    <xdr:from>
      <xdr:col>16</xdr:col>
      <xdr:colOff>0</xdr:colOff>
      <xdr:row>14</xdr:row>
      <xdr:rowOff>0</xdr:rowOff>
    </xdr:from>
    <xdr:to>
      <xdr:col>25</xdr:col>
      <xdr:colOff>494552</xdr:colOff>
      <xdr:row>22</xdr:row>
      <xdr:rowOff>152002</xdr:rowOff>
    </xdr:to>
    <xdr:pic>
      <xdr:nvPicPr>
        <xdr:cNvPr id="5" name="Picture 4">
          <a:extLst>
            <a:ext uri="{FF2B5EF4-FFF2-40B4-BE49-F238E27FC236}">
              <a16:creationId xmlns:a16="http://schemas.microsoft.com/office/drawing/2014/main" id="{CD4784A7-DF52-48A9-9F8A-6E514B538A0C}"/>
            </a:ext>
          </a:extLst>
        </xdr:cNvPr>
        <xdr:cNvPicPr>
          <a:picLocks noChangeAspect="1"/>
        </xdr:cNvPicPr>
      </xdr:nvPicPr>
      <xdr:blipFill>
        <a:blip xmlns:r="http://schemas.openxmlformats.org/officeDocument/2006/relationships" r:embed="rId3"/>
        <a:stretch>
          <a:fillRect/>
        </a:stretch>
      </xdr:blipFill>
      <xdr:spPr>
        <a:xfrm>
          <a:off x="16087725" y="5467350"/>
          <a:ext cx="5980952" cy="3180952"/>
        </a:xfrm>
        <a:prstGeom prst="rect">
          <a:avLst/>
        </a:prstGeom>
      </xdr:spPr>
    </xdr:pic>
    <xdr:clientData/>
  </xdr:twoCellAnchor>
  <xdr:twoCellAnchor>
    <xdr:from>
      <xdr:col>5</xdr:col>
      <xdr:colOff>47625</xdr:colOff>
      <xdr:row>0</xdr:row>
      <xdr:rowOff>152400</xdr:rowOff>
    </xdr:from>
    <xdr:to>
      <xdr:col>12</xdr:col>
      <xdr:colOff>466725</xdr:colOff>
      <xdr:row>2</xdr:row>
      <xdr:rowOff>76200</xdr:rowOff>
    </xdr:to>
    <xdr:sp macro="" textlink="">
      <xdr:nvSpPr>
        <xdr:cNvPr id="6" name="TextBox 5">
          <a:extLst>
            <a:ext uri="{FF2B5EF4-FFF2-40B4-BE49-F238E27FC236}">
              <a16:creationId xmlns:a16="http://schemas.microsoft.com/office/drawing/2014/main" id="{6D6EFB78-F5E5-4A86-BA23-A69B127B96A7}"/>
            </a:ext>
          </a:extLst>
        </xdr:cNvPr>
        <xdr:cNvSpPr txBox="1"/>
      </xdr:nvSpPr>
      <xdr:spPr>
        <a:xfrm>
          <a:off x="9429750" y="152400"/>
          <a:ext cx="4686300" cy="3524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2000">
              <a:solidFill>
                <a:srgbClr val="0070C0"/>
              </a:solidFill>
            </a:rPr>
            <a:t>New panel and worksheets</a:t>
          </a:r>
        </a:p>
      </xdr:txBody>
    </xdr:sp>
    <xdr:clientData/>
  </xdr:twoCellAnchor>
  <xdr:twoCellAnchor editAs="oneCell">
    <xdr:from>
      <xdr:col>5</xdr:col>
      <xdr:colOff>47625</xdr:colOff>
      <xdr:row>2</xdr:row>
      <xdr:rowOff>104775</xdr:rowOff>
    </xdr:from>
    <xdr:to>
      <xdr:col>12</xdr:col>
      <xdr:colOff>447675</xdr:colOff>
      <xdr:row>11</xdr:row>
      <xdr:rowOff>266700</xdr:rowOff>
    </xdr:to>
    <xdr:pic>
      <xdr:nvPicPr>
        <xdr:cNvPr id="13" name="Picture 12">
          <a:extLst>
            <a:ext uri="{FF2B5EF4-FFF2-40B4-BE49-F238E27FC236}">
              <a16:creationId xmlns:a16="http://schemas.microsoft.com/office/drawing/2014/main" id="{9C4CFACB-1098-4A8E-AB5E-FF44E4CC2595}"/>
            </a:ext>
            <a:ext uri="{147F2762-F138-4A5C-976F-8EAC2B608ADB}">
              <a16:predDERef xmlns:a16="http://schemas.microsoft.com/office/drawing/2014/main" pred="{6D6EFB78-F5E5-4A86-BA23-A69B127B96A7}"/>
            </a:ext>
          </a:extLst>
        </xdr:cNvPr>
        <xdr:cNvPicPr>
          <a:picLocks noChangeAspect="1"/>
        </xdr:cNvPicPr>
      </xdr:nvPicPr>
      <xdr:blipFill>
        <a:blip xmlns:r="http://schemas.openxmlformats.org/officeDocument/2006/relationships" r:embed="rId4"/>
        <a:stretch>
          <a:fillRect/>
        </a:stretch>
      </xdr:blipFill>
      <xdr:spPr>
        <a:xfrm>
          <a:off x="9429750" y="514350"/>
          <a:ext cx="4667250" cy="3867150"/>
        </a:xfrm>
        <a:prstGeom prst="rect">
          <a:avLst/>
        </a:prstGeom>
      </xdr:spPr>
    </xdr:pic>
    <xdr:clientData/>
  </xdr:twoCellAnchor>
  <xdr:twoCellAnchor editAs="oneCell">
    <xdr:from>
      <xdr:col>4</xdr:col>
      <xdr:colOff>571500</xdr:colOff>
      <xdr:row>32</xdr:row>
      <xdr:rowOff>28575</xdr:rowOff>
    </xdr:from>
    <xdr:to>
      <xdr:col>14</xdr:col>
      <xdr:colOff>171450</xdr:colOff>
      <xdr:row>49</xdr:row>
      <xdr:rowOff>76200</xdr:rowOff>
    </xdr:to>
    <xdr:pic>
      <xdr:nvPicPr>
        <xdr:cNvPr id="19" name="Picture 18">
          <a:extLst>
            <a:ext uri="{FF2B5EF4-FFF2-40B4-BE49-F238E27FC236}">
              <a16:creationId xmlns:a16="http://schemas.microsoft.com/office/drawing/2014/main" id="{EBC4D91E-B158-4C30-A6DC-2AC6F7ACC3A9}"/>
            </a:ext>
            <a:ext uri="{147F2762-F138-4A5C-976F-8EAC2B608ADB}">
              <a16:predDERef xmlns:a16="http://schemas.microsoft.com/office/drawing/2014/main" pred="{9C4CFACB-1098-4A8E-AB5E-FF44E4CC2595}"/>
            </a:ext>
          </a:extLst>
        </xdr:cNvPr>
        <xdr:cNvPicPr>
          <a:picLocks noChangeAspect="1"/>
        </xdr:cNvPicPr>
      </xdr:nvPicPr>
      <xdr:blipFill>
        <a:blip xmlns:r="http://schemas.openxmlformats.org/officeDocument/2006/relationships" r:embed="rId5"/>
        <a:stretch>
          <a:fillRect/>
        </a:stretch>
      </xdr:blipFill>
      <xdr:spPr>
        <a:xfrm>
          <a:off x="9344025" y="10391775"/>
          <a:ext cx="5695950" cy="4133850"/>
        </a:xfrm>
        <a:prstGeom prst="rect">
          <a:avLst/>
        </a:prstGeom>
      </xdr:spPr>
    </xdr:pic>
    <xdr:clientData/>
  </xdr:twoCellAnchor>
  <xdr:twoCellAnchor editAs="oneCell">
    <xdr:from>
      <xdr:col>16</xdr:col>
      <xdr:colOff>0</xdr:colOff>
      <xdr:row>33</xdr:row>
      <xdr:rowOff>0</xdr:rowOff>
    </xdr:from>
    <xdr:to>
      <xdr:col>27</xdr:col>
      <xdr:colOff>485775</xdr:colOff>
      <xdr:row>58</xdr:row>
      <xdr:rowOff>171450</xdr:rowOff>
    </xdr:to>
    <xdr:pic>
      <xdr:nvPicPr>
        <xdr:cNvPr id="20" name="Picture 19">
          <a:extLst>
            <a:ext uri="{FF2B5EF4-FFF2-40B4-BE49-F238E27FC236}">
              <a16:creationId xmlns:a16="http://schemas.microsoft.com/office/drawing/2014/main" id="{22ED6704-AA5E-4BE1-9262-C6181EB9F4D8}"/>
            </a:ext>
            <a:ext uri="{147F2762-F138-4A5C-976F-8EAC2B608ADB}">
              <a16:predDERef xmlns:a16="http://schemas.microsoft.com/office/drawing/2014/main" pred="{EBC4D91E-B158-4C30-A6DC-2AC6F7ACC3A9}"/>
            </a:ext>
          </a:extLst>
        </xdr:cNvPr>
        <xdr:cNvPicPr>
          <a:picLocks noChangeAspect="1"/>
        </xdr:cNvPicPr>
      </xdr:nvPicPr>
      <xdr:blipFill>
        <a:blip xmlns:r="http://schemas.openxmlformats.org/officeDocument/2006/relationships" r:embed="rId6"/>
        <a:stretch>
          <a:fillRect/>
        </a:stretch>
      </xdr:blipFill>
      <xdr:spPr>
        <a:xfrm>
          <a:off x="16087725" y="10563225"/>
          <a:ext cx="7191375" cy="5705475"/>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5</xdr:col>
      <xdr:colOff>514350</xdr:colOff>
      <xdr:row>8</xdr:row>
      <xdr:rowOff>161926</xdr:rowOff>
    </xdr:from>
    <xdr:to>
      <xdr:col>17</xdr:col>
      <xdr:colOff>527019</xdr:colOff>
      <xdr:row>20</xdr:row>
      <xdr:rowOff>66676</xdr:rowOff>
    </xdr:to>
    <xdr:pic>
      <xdr:nvPicPr>
        <xdr:cNvPr id="2" name="Picture 1">
          <a:extLst>
            <a:ext uri="{FF2B5EF4-FFF2-40B4-BE49-F238E27FC236}">
              <a16:creationId xmlns:a16="http://schemas.microsoft.com/office/drawing/2014/main" id="{4FD0AA36-4017-4E96-AF0F-76610C67476A}"/>
            </a:ext>
          </a:extLst>
        </xdr:cNvPr>
        <xdr:cNvPicPr>
          <a:picLocks noChangeAspect="1"/>
        </xdr:cNvPicPr>
      </xdr:nvPicPr>
      <xdr:blipFill>
        <a:blip xmlns:r="http://schemas.openxmlformats.org/officeDocument/2006/relationships" r:embed="rId1"/>
        <a:stretch>
          <a:fillRect/>
        </a:stretch>
      </xdr:blipFill>
      <xdr:spPr>
        <a:xfrm>
          <a:off x="8372475" y="1543051"/>
          <a:ext cx="7327869" cy="4552950"/>
        </a:xfrm>
        <a:prstGeom prst="rect">
          <a:avLst/>
        </a:prstGeom>
        <a:ln w="31750">
          <a:solidFill>
            <a:schemeClr val="accent1"/>
          </a:solidFill>
        </a:ln>
        <a:effectLst>
          <a:softEdge rad="0"/>
        </a:effectLst>
      </xdr:spPr>
    </xdr:pic>
    <xdr:clientData/>
  </xdr:twoCellAnchor>
  <xdr:twoCellAnchor>
    <xdr:from>
      <xdr:col>5</xdr:col>
      <xdr:colOff>495300</xdr:colOff>
      <xdr:row>5</xdr:row>
      <xdr:rowOff>66675</xdr:rowOff>
    </xdr:from>
    <xdr:to>
      <xdr:col>11</xdr:col>
      <xdr:colOff>47625</xdr:colOff>
      <xdr:row>8</xdr:row>
      <xdr:rowOff>76200</xdr:rowOff>
    </xdr:to>
    <xdr:sp macro="" textlink="">
      <xdr:nvSpPr>
        <xdr:cNvPr id="3" name="TextBox 2">
          <a:extLst>
            <a:ext uri="{FF2B5EF4-FFF2-40B4-BE49-F238E27FC236}">
              <a16:creationId xmlns:a16="http://schemas.microsoft.com/office/drawing/2014/main" id="{ACF0E464-5854-427F-8010-0041467673BC}"/>
            </a:ext>
          </a:extLst>
        </xdr:cNvPr>
        <xdr:cNvSpPr txBox="1"/>
      </xdr:nvSpPr>
      <xdr:spPr>
        <a:xfrm>
          <a:off x="8353425" y="876300"/>
          <a:ext cx="3209925" cy="581025"/>
        </a:xfrm>
        <a:prstGeom prst="rect">
          <a:avLst/>
        </a:prstGeom>
        <a:solidFill>
          <a:schemeClr val="lt1"/>
        </a:solidFill>
        <a:ln w="31750"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2000">
              <a:solidFill>
                <a:srgbClr val="FF0000"/>
              </a:solidFill>
            </a:rPr>
            <a:t>Older Version (2018)</a:t>
          </a:r>
        </a:p>
      </xdr:txBody>
    </xdr:sp>
    <xdr:clientData/>
  </xdr:twoCellAnchor>
  <xdr:twoCellAnchor editAs="oneCell">
    <xdr:from>
      <xdr:col>5</xdr:col>
      <xdr:colOff>542926</xdr:colOff>
      <xdr:row>20</xdr:row>
      <xdr:rowOff>152400</xdr:rowOff>
    </xdr:from>
    <xdr:to>
      <xdr:col>17</xdr:col>
      <xdr:colOff>514350</xdr:colOff>
      <xdr:row>26</xdr:row>
      <xdr:rowOff>234615</xdr:rowOff>
    </xdr:to>
    <xdr:pic>
      <xdr:nvPicPr>
        <xdr:cNvPr id="4" name="Picture 3">
          <a:extLst>
            <a:ext uri="{FF2B5EF4-FFF2-40B4-BE49-F238E27FC236}">
              <a16:creationId xmlns:a16="http://schemas.microsoft.com/office/drawing/2014/main" id="{F4F790DB-C19F-4110-AC5F-1FB26B0508D8}"/>
            </a:ext>
          </a:extLst>
        </xdr:cNvPr>
        <xdr:cNvPicPr>
          <a:picLocks noChangeAspect="1"/>
        </xdr:cNvPicPr>
      </xdr:nvPicPr>
      <xdr:blipFill>
        <a:blip xmlns:r="http://schemas.openxmlformats.org/officeDocument/2006/relationships" r:embed="rId2"/>
        <a:stretch>
          <a:fillRect/>
        </a:stretch>
      </xdr:blipFill>
      <xdr:spPr>
        <a:xfrm>
          <a:off x="8401051" y="6181725"/>
          <a:ext cx="7286624" cy="3835065"/>
        </a:xfrm>
        <a:prstGeom prst="rect">
          <a:avLst/>
        </a:prstGeom>
        <a:ln w="31750">
          <a:solidFill>
            <a:schemeClr val="accent1"/>
          </a:solidFill>
        </a:ln>
      </xdr:spPr>
    </xdr:pic>
    <xdr:clientData/>
  </xdr:twoCellAnchor>
  <xdr:twoCellAnchor editAs="oneCell">
    <xdr:from>
      <xdr:col>20</xdr:col>
      <xdr:colOff>0</xdr:colOff>
      <xdr:row>9</xdr:row>
      <xdr:rowOff>0</xdr:rowOff>
    </xdr:from>
    <xdr:to>
      <xdr:col>29</xdr:col>
      <xdr:colOff>85029</xdr:colOff>
      <xdr:row>22</xdr:row>
      <xdr:rowOff>627840</xdr:rowOff>
    </xdr:to>
    <xdr:pic>
      <xdr:nvPicPr>
        <xdr:cNvPr id="5" name="Picture 4">
          <a:extLst>
            <a:ext uri="{FF2B5EF4-FFF2-40B4-BE49-F238E27FC236}">
              <a16:creationId xmlns:a16="http://schemas.microsoft.com/office/drawing/2014/main" id="{130A114B-091E-433D-B9C5-213D170DE0DE}"/>
            </a:ext>
          </a:extLst>
        </xdr:cNvPr>
        <xdr:cNvPicPr>
          <a:picLocks noChangeAspect="1"/>
        </xdr:cNvPicPr>
      </xdr:nvPicPr>
      <xdr:blipFill>
        <a:blip xmlns:r="http://schemas.openxmlformats.org/officeDocument/2006/relationships" r:embed="rId3"/>
        <a:stretch>
          <a:fillRect/>
        </a:stretch>
      </xdr:blipFill>
      <xdr:spPr>
        <a:xfrm>
          <a:off x="17002125" y="1571625"/>
          <a:ext cx="5571429" cy="6476190"/>
        </a:xfrm>
        <a:prstGeom prst="rect">
          <a:avLst/>
        </a:prstGeom>
        <a:ln w="31750">
          <a:solidFill>
            <a:schemeClr val="accent1"/>
          </a:solidFill>
        </a:ln>
      </xdr:spPr>
    </xdr:pic>
    <xdr:clientData/>
  </xdr:twoCellAnchor>
  <xdr:twoCellAnchor>
    <xdr:from>
      <xdr:col>19</xdr:col>
      <xdr:colOff>581025</xdr:colOff>
      <xdr:row>5</xdr:row>
      <xdr:rowOff>104775</xdr:rowOff>
    </xdr:from>
    <xdr:to>
      <xdr:col>25</xdr:col>
      <xdr:colOff>133350</xdr:colOff>
      <xdr:row>8</xdr:row>
      <xdr:rowOff>114300</xdr:rowOff>
    </xdr:to>
    <xdr:sp macro="" textlink="">
      <xdr:nvSpPr>
        <xdr:cNvPr id="8" name="TextBox 7">
          <a:extLst>
            <a:ext uri="{FF2B5EF4-FFF2-40B4-BE49-F238E27FC236}">
              <a16:creationId xmlns:a16="http://schemas.microsoft.com/office/drawing/2014/main" id="{B81A7751-36C1-42E4-8F46-8269192B7251}"/>
            </a:ext>
          </a:extLst>
        </xdr:cNvPr>
        <xdr:cNvSpPr txBox="1"/>
      </xdr:nvSpPr>
      <xdr:spPr>
        <a:xfrm>
          <a:off x="16973550" y="914400"/>
          <a:ext cx="3209925" cy="581025"/>
        </a:xfrm>
        <a:prstGeom prst="rect">
          <a:avLst/>
        </a:prstGeom>
        <a:solidFill>
          <a:schemeClr val="lt1"/>
        </a:solidFill>
        <a:ln w="31750" cmpd="sng">
          <a:solidFill>
            <a:schemeClr val="accent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2000">
              <a:solidFill>
                <a:srgbClr val="FF0000"/>
              </a:solidFill>
            </a:rPr>
            <a:t>New Version (2019)</a:t>
          </a:r>
        </a:p>
      </xdr:txBody>
    </xdr:sp>
    <xdr:clientData/>
  </xdr:twoCellAnchor>
  <xdr:twoCellAnchor editAs="oneCell">
    <xdr:from>
      <xdr:col>20</xdr:col>
      <xdr:colOff>0</xdr:colOff>
      <xdr:row>23</xdr:row>
      <xdr:rowOff>0</xdr:rowOff>
    </xdr:from>
    <xdr:to>
      <xdr:col>29</xdr:col>
      <xdr:colOff>123124</xdr:colOff>
      <xdr:row>36</xdr:row>
      <xdr:rowOff>351605</xdr:rowOff>
    </xdr:to>
    <xdr:pic>
      <xdr:nvPicPr>
        <xdr:cNvPr id="9" name="Picture 8">
          <a:extLst>
            <a:ext uri="{FF2B5EF4-FFF2-40B4-BE49-F238E27FC236}">
              <a16:creationId xmlns:a16="http://schemas.microsoft.com/office/drawing/2014/main" id="{03E9908E-E465-4473-9D6F-6A6DCC133539}"/>
            </a:ext>
          </a:extLst>
        </xdr:cNvPr>
        <xdr:cNvPicPr>
          <a:picLocks noChangeAspect="1"/>
        </xdr:cNvPicPr>
      </xdr:nvPicPr>
      <xdr:blipFill>
        <a:blip xmlns:r="http://schemas.openxmlformats.org/officeDocument/2006/relationships" r:embed="rId4"/>
        <a:stretch>
          <a:fillRect/>
        </a:stretch>
      </xdr:blipFill>
      <xdr:spPr>
        <a:xfrm>
          <a:off x="17002125" y="8134350"/>
          <a:ext cx="5609524" cy="6561905"/>
        </a:xfrm>
        <a:prstGeom prst="rect">
          <a:avLst/>
        </a:prstGeom>
        <a:ln w="31750">
          <a:solidFill>
            <a:schemeClr val="accent1"/>
          </a:solidFill>
        </a:ln>
      </xdr:spPr>
    </xdr:pic>
    <xdr:clientData/>
  </xdr:twoCellAnchor>
  <xdr:twoCellAnchor editAs="oneCell">
    <xdr:from>
      <xdr:col>20</xdr:col>
      <xdr:colOff>9525</xdr:colOff>
      <xdr:row>37</xdr:row>
      <xdr:rowOff>0</xdr:rowOff>
    </xdr:from>
    <xdr:to>
      <xdr:col>29</xdr:col>
      <xdr:colOff>208839</xdr:colOff>
      <xdr:row>53</xdr:row>
      <xdr:rowOff>94857</xdr:rowOff>
    </xdr:to>
    <xdr:pic>
      <xdr:nvPicPr>
        <xdr:cNvPr id="10" name="Picture 9">
          <a:extLst>
            <a:ext uri="{FF2B5EF4-FFF2-40B4-BE49-F238E27FC236}">
              <a16:creationId xmlns:a16="http://schemas.microsoft.com/office/drawing/2014/main" id="{6F9A1316-A289-48F4-8663-E56441F9073C}"/>
            </a:ext>
          </a:extLst>
        </xdr:cNvPr>
        <xdr:cNvPicPr>
          <a:picLocks noChangeAspect="1"/>
        </xdr:cNvPicPr>
      </xdr:nvPicPr>
      <xdr:blipFill>
        <a:blip xmlns:r="http://schemas.openxmlformats.org/officeDocument/2006/relationships" r:embed="rId5"/>
        <a:stretch>
          <a:fillRect/>
        </a:stretch>
      </xdr:blipFill>
      <xdr:spPr>
        <a:xfrm>
          <a:off x="17011650" y="14830425"/>
          <a:ext cx="5685714" cy="3142857"/>
        </a:xfrm>
        <a:prstGeom prst="rect">
          <a:avLst/>
        </a:prstGeom>
        <a:ln w="31750">
          <a:solidFill>
            <a:schemeClr val="accent1"/>
          </a:solidFill>
        </a:ln>
      </xdr:spPr>
    </xdr:pic>
    <xdr:clientData/>
  </xdr:twoCellAnchor>
  <xdr:twoCellAnchor editAs="oneCell">
    <xdr:from>
      <xdr:col>20</xdr:col>
      <xdr:colOff>28575</xdr:colOff>
      <xdr:row>54</xdr:row>
      <xdr:rowOff>9525</xdr:rowOff>
    </xdr:from>
    <xdr:to>
      <xdr:col>29</xdr:col>
      <xdr:colOff>142175</xdr:colOff>
      <xdr:row>85</xdr:row>
      <xdr:rowOff>27834</xdr:rowOff>
    </xdr:to>
    <xdr:pic>
      <xdr:nvPicPr>
        <xdr:cNvPr id="11" name="Picture 10">
          <a:extLst>
            <a:ext uri="{FF2B5EF4-FFF2-40B4-BE49-F238E27FC236}">
              <a16:creationId xmlns:a16="http://schemas.microsoft.com/office/drawing/2014/main" id="{1DC1FC45-9C4A-427C-81A5-1CA0CC8CF300}"/>
            </a:ext>
          </a:extLst>
        </xdr:cNvPr>
        <xdr:cNvPicPr>
          <a:picLocks noChangeAspect="1"/>
        </xdr:cNvPicPr>
      </xdr:nvPicPr>
      <xdr:blipFill>
        <a:blip xmlns:r="http://schemas.openxmlformats.org/officeDocument/2006/relationships" r:embed="rId6"/>
        <a:stretch>
          <a:fillRect/>
        </a:stretch>
      </xdr:blipFill>
      <xdr:spPr>
        <a:xfrm>
          <a:off x="17030700" y="18078450"/>
          <a:ext cx="5600000" cy="5923809"/>
        </a:xfrm>
        <a:prstGeom prst="rect">
          <a:avLst/>
        </a:prstGeom>
        <a:ln w="31750">
          <a:solidFill>
            <a:schemeClr val="accent1"/>
          </a:solidFill>
        </a:ln>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5</xdr:col>
      <xdr:colOff>95250</xdr:colOff>
      <xdr:row>10</xdr:row>
      <xdr:rowOff>38100</xdr:rowOff>
    </xdr:from>
    <xdr:to>
      <xdr:col>22</xdr:col>
      <xdr:colOff>141574</xdr:colOff>
      <xdr:row>34</xdr:row>
      <xdr:rowOff>170748</xdr:rowOff>
    </xdr:to>
    <xdr:pic>
      <xdr:nvPicPr>
        <xdr:cNvPr id="3" name="Picture 2">
          <a:extLst>
            <a:ext uri="{FF2B5EF4-FFF2-40B4-BE49-F238E27FC236}">
              <a16:creationId xmlns:a16="http://schemas.microsoft.com/office/drawing/2014/main" id="{7A084336-7146-4FB5-97F6-A1C87DFBE0AA}"/>
            </a:ext>
          </a:extLst>
        </xdr:cNvPr>
        <xdr:cNvPicPr>
          <a:picLocks noChangeAspect="1"/>
        </xdr:cNvPicPr>
      </xdr:nvPicPr>
      <xdr:blipFill>
        <a:blip xmlns:r="http://schemas.openxmlformats.org/officeDocument/2006/relationships" r:embed="rId1"/>
        <a:stretch>
          <a:fillRect/>
        </a:stretch>
      </xdr:blipFill>
      <xdr:spPr>
        <a:xfrm>
          <a:off x="10020300" y="3190875"/>
          <a:ext cx="10409524" cy="5619048"/>
        </a:xfrm>
        <a:prstGeom prst="rect">
          <a:avLst/>
        </a:prstGeom>
      </xdr:spPr>
    </xdr:pic>
    <xdr:clientData/>
  </xdr:twoCellAnchor>
  <xdr:oneCellAnchor>
    <xdr:from>
      <xdr:col>7</xdr:col>
      <xdr:colOff>142875</xdr:colOff>
      <xdr:row>8</xdr:row>
      <xdr:rowOff>485775</xdr:rowOff>
    </xdr:from>
    <xdr:ext cx="184731" cy="264560"/>
    <xdr:sp macro="" textlink="">
      <xdr:nvSpPr>
        <xdr:cNvPr id="4" name="TextBox 3">
          <a:extLst>
            <a:ext uri="{FF2B5EF4-FFF2-40B4-BE49-F238E27FC236}">
              <a16:creationId xmlns:a16="http://schemas.microsoft.com/office/drawing/2014/main" id="{5FA69FA2-1C65-4A32-867D-72A5B08E332F}"/>
            </a:ext>
          </a:extLst>
        </xdr:cNvPr>
        <xdr:cNvSpPr txBox="1"/>
      </xdr:nvSpPr>
      <xdr:spPr>
        <a:xfrm>
          <a:off x="11287125" y="280035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xdr:twoCellAnchor>
    <xdr:from>
      <xdr:col>5</xdr:col>
      <xdr:colOff>114300</xdr:colOff>
      <xdr:row>8</xdr:row>
      <xdr:rowOff>409575</xdr:rowOff>
    </xdr:from>
    <xdr:to>
      <xdr:col>9</xdr:col>
      <xdr:colOff>114300</xdr:colOff>
      <xdr:row>10</xdr:row>
      <xdr:rowOff>95250</xdr:rowOff>
    </xdr:to>
    <xdr:sp macro="" textlink="">
      <xdr:nvSpPr>
        <xdr:cNvPr id="5" name="TextBox 4">
          <a:extLst>
            <a:ext uri="{FF2B5EF4-FFF2-40B4-BE49-F238E27FC236}">
              <a16:creationId xmlns:a16="http://schemas.microsoft.com/office/drawing/2014/main" id="{D5974F83-25CF-4D52-ACFD-0E726186A559}"/>
            </a:ext>
          </a:extLst>
        </xdr:cNvPr>
        <xdr:cNvSpPr txBox="1"/>
      </xdr:nvSpPr>
      <xdr:spPr>
        <a:xfrm>
          <a:off x="10039350" y="2724150"/>
          <a:ext cx="2438400" cy="5238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2400">
              <a:solidFill>
                <a:srgbClr val="FF0000"/>
              </a:solidFill>
            </a:rPr>
            <a:t>Current version </a:t>
          </a:r>
        </a:p>
      </xdr:txBody>
    </xdr:sp>
    <xdr:clientData/>
  </xdr:twoCellAnchor>
  <xdr:twoCellAnchor editAs="oneCell">
    <xdr:from>
      <xdr:col>23</xdr:col>
      <xdr:colOff>581025</xdr:colOff>
      <xdr:row>10</xdr:row>
      <xdr:rowOff>28575</xdr:rowOff>
    </xdr:from>
    <xdr:to>
      <xdr:col>33</xdr:col>
      <xdr:colOff>199311</xdr:colOff>
      <xdr:row>36</xdr:row>
      <xdr:rowOff>84984</xdr:rowOff>
    </xdr:to>
    <xdr:pic>
      <xdr:nvPicPr>
        <xdr:cNvPr id="6" name="Picture 5">
          <a:extLst>
            <a:ext uri="{FF2B5EF4-FFF2-40B4-BE49-F238E27FC236}">
              <a16:creationId xmlns:a16="http://schemas.microsoft.com/office/drawing/2014/main" id="{94442CD1-C686-4987-ACF6-778F7D19E726}"/>
            </a:ext>
          </a:extLst>
        </xdr:cNvPr>
        <xdr:cNvPicPr>
          <a:picLocks noChangeAspect="1"/>
        </xdr:cNvPicPr>
      </xdr:nvPicPr>
      <xdr:blipFill>
        <a:blip xmlns:r="http://schemas.openxmlformats.org/officeDocument/2006/relationships" r:embed="rId2"/>
        <a:stretch>
          <a:fillRect/>
        </a:stretch>
      </xdr:blipFill>
      <xdr:spPr>
        <a:xfrm>
          <a:off x="21478875" y="3181350"/>
          <a:ext cx="5714286" cy="5923809"/>
        </a:xfrm>
        <a:prstGeom prst="rect">
          <a:avLst/>
        </a:prstGeom>
      </xdr:spPr>
    </xdr:pic>
    <xdr:clientData/>
  </xdr:twoCellAnchor>
  <xdr:twoCellAnchor>
    <xdr:from>
      <xdr:col>23</xdr:col>
      <xdr:colOff>600076</xdr:colOff>
      <xdr:row>8</xdr:row>
      <xdr:rowOff>381000</xdr:rowOff>
    </xdr:from>
    <xdr:to>
      <xdr:col>27</xdr:col>
      <xdr:colOff>447676</xdr:colOff>
      <xdr:row>9</xdr:row>
      <xdr:rowOff>161925</xdr:rowOff>
    </xdr:to>
    <xdr:sp macro="" textlink="">
      <xdr:nvSpPr>
        <xdr:cNvPr id="7" name="TextBox 6">
          <a:extLst>
            <a:ext uri="{FF2B5EF4-FFF2-40B4-BE49-F238E27FC236}">
              <a16:creationId xmlns:a16="http://schemas.microsoft.com/office/drawing/2014/main" id="{7664B26E-BDE8-404E-AF7C-C1084206568C}"/>
            </a:ext>
          </a:extLst>
        </xdr:cNvPr>
        <xdr:cNvSpPr txBox="1"/>
      </xdr:nvSpPr>
      <xdr:spPr>
        <a:xfrm>
          <a:off x="21497926" y="2695575"/>
          <a:ext cx="2286000" cy="4286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indent="0"/>
          <a:r>
            <a:rPr lang="en-US" sz="2400">
              <a:solidFill>
                <a:srgbClr val="FF0000"/>
              </a:solidFill>
              <a:latin typeface="+mn-lt"/>
              <a:ea typeface="+mn-ea"/>
              <a:cs typeface="+mn-cs"/>
            </a:rPr>
            <a:t>New Version</a:t>
          </a:r>
        </a:p>
      </xdr:txBody>
    </xdr:sp>
    <xdr:clientData/>
  </xdr:twoCellAnchor>
</xdr:wsDr>
</file>

<file path=xl/drawings/drawing5.xml><?xml version="1.0" encoding="utf-8"?>
<xdr:wsDr xmlns:xdr="http://schemas.openxmlformats.org/drawingml/2006/spreadsheetDrawing" xmlns:a="http://schemas.openxmlformats.org/drawingml/2006/main">
  <xdr:twoCellAnchor editAs="oneCell">
    <xdr:from>
      <xdr:col>5</xdr:col>
      <xdr:colOff>152400</xdr:colOff>
      <xdr:row>1</xdr:row>
      <xdr:rowOff>19050</xdr:rowOff>
    </xdr:from>
    <xdr:to>
      <xdr:col>15</xdr:col>
      <xdr:colOff>294495</xdr:colOff>
      <xdr:row>18</xdr:row>
      <xdr:rowOff>17828</xdr:rowOff>
    </xdr:to>
    <xdr:pic>
      <xdr:nvPicPr>
        <xdr:cNvPr id="3" name="Picture 2">
          <a:extLst>
            <a:ext uri="{FF2B5EF4-FFF2-40B4-BE49-F238E27FC236}">
              <a16:creationId xmlns:a16="http://schemas.microsoft.com/office/drawing/2014/main" id="{6FC022FA-2F30-4EFC-9585-0B9149C349D2}"/>
            </a:ext>
          </a:extLst>
        </xdr:cNvPr>
        <xdr:cNvPicPr>
          <a:picLocks noChangeAspect="1"/>
        </xdr:cNvPicPr>
      </xdr:nvPicPr>
      <xdr:blipFill>
        <a:blip xmlns:r="http://schemas.openxmlformats.org/officeDocument/2006/relationships" r:embed="rId1"/>
        <a:stretch>
          <a:fillRect/>
        </a:stretch>
      </xdr:blipFill>
      <xdr:spPr>
        <a:xfrm>
          <a:off x="8715375" y="257175"/>
          <a:ext cx="6238095" cy="9771428"/>
        </a:xfrm>
        <a:prstGeom prst="rect">
          <a:avLst/>
        </a:prstGeom>
      </xdr:spPr>
    </xdr:pic>
    <xdr:clientData/>
  </xdr:twoCellAnchor>
  <xdr:twoCellAnchor editAs="oneCell">
    <xdr:from>
      <xdr:col>16</xdr:col>
      <xdr:colOff>161925</xdr:colOff>
      <xdr:row>1</xdr:row>
      <xdr:rowOff>76200</xdr:rowOff>
    </xdr:from>
    <xdr:to>
      <xdr:col>26</xdr:col>
      <xdr:colOff>313544</xdr:colOff>
      <xdr:row>14</xdr:row>
      <xdr:rowOff>56312</xdr:rowOff>
    </xdr:to>
    <xdr:pic>
      <xdr:nvPicPr>
        <xdr:cNvPr id="4" name="Picture 3">
          <a:extLst>
            <a:ext uri="{FF2B5EF4-FFF2-40B4-BE49-F238E27FC236}">
              <a16:creationId xmlns:a16="http://schemas.microsoft.com/office/drawing/2014/main" id="{0DCA1347-265E-4DF7-BB16-13A8BFDF2DBD}"/>
            </a:ext>
          </a:extLst>
        </xdr:cNvPr>
        <xdr:cNvPicPr>
          <a:picLocks noChangeAspect="1"/>
        </xdr:cNvPicPr>
      </xdr:nvPicPr>
      <xdr:blipFill>
        <a:blip xmlns:r="http://schemas.openxmlformats.org/officeDocument/2006/relationships" r:embed="rId2"/>
        <a:stretch>
          <a:fillRect/>
        </a:stretch>
      </xdr:blipFill>
      <xdr:spPr>
        <a:xfrm>
          <a:off x="15430500" y="314325"/>
          <a:ext cx="6247619" cy="6704762"/>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5</xdr:col>
      <xdr:colOff>371475</xdr:colOff>
      <xdr:row>6</xdr:row>
      <xdr:rowOff>0</xdr:rowOff>
    </xdr:from>
    <xdr:to>
      <xdr:col>15</xdr:col>
      <xdr:colOff>257175</xdr:colOff>
      <xdr:row>39</xdr:row>
      <xdr:rowOff>0</xdr:rowOff>
    </xdr:to>
    <xdr:pic>
      <xdr:nvPicPr>
        <xdr:cNvPr id="4" name="Picture 3" descr="C:\Users\i838480\AppData\Local\Temp\SNAGHTML456e603.PNG">
          <a:extLst>
            <a:ext uri="{FF2B5EF4-FFF2-40B4-BE49-F238E27FC236}">
              <a16:creationId xmlns:a16="http://schemas.microsoft.com/office/drawing/2014/main" id="{A2969D1F-9DBF-45EA-ADCA-1C7B23D430EC}"/>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782050" y="1457325"/>
          <a:ext cx="5981700" cy="122110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5</xdr:col>
      <xdr:colOff>533400</xdr:colOff>
      <xdr:row>3</xdr:row>
      <xdr:rowOff>180975</xdr:rowOff>
    </xdr:from>
    <xdr:to>
      <xdr:col>10</xdr:col>
      <xdr:colOff>295275</xdr:colOff>
      <xdr:row>6</xdr:row>
      <xdr:rowOff>0</xdr:rowOff>
    </xdr:to>
    <xdr:sp macro="" textlink="">
      <xdr:nvSpPr>
        <xdr:cNvPr id="5" name="TextBox 4">
          <a:extLst>
            <a:ext uri="{FF2B5EF4-FFF2-40B4-BE49-F238E27FC236}">
              <a16:creationId xmlns:a16="http://schemas.microsoft.com/office/drawing/2014/main" id="{0D89B646-E919-4499-B98D-5506B7702451}"/>
            </a:ext>
          </a:extLst>
        </xdr:cNvPr>
        <xdr:cNvSpPr txBox="1"/>
      </xdr:nvSpPr>
      <xdr:spPr>
        <a:xfrm>
          <a:off x="8943975" y="933450"/>
          <a:ext cx="2809875" cy="52387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New Worksheet</a:t>
          </a:r>
          <a:r>
            <a:rPr lang="en-US" sz="1100" baseline="0"/>
            <a:t> </a:t>
          </a:r>
        </a:p>
        <a:p>
          <a:r>
            <a:rPr lang="en-US" sz="1100" baseline="0"/>
            <a:t>New York &amp; Yonkers worksheet</a:t>
          </a:r>
          <a:endParaRPr lang="en-US" sz="1100"/>
        </a:p>
      </xdr:txBody>
    </xdr:sp>
    <xdr:clientData/>
  </xdr:twoCellAnchor>
  <xdr:twoCellAnchor editAs="oneCell">
    <xdr:from>
      <xdr:col>17</xdr:col>
      <xdr:colOff>561975</xdr:colOff>
      <xdr:row>5</xdr:row>
      <xdr:rowOff>161925</xdr:rowOff>
    </xdr:from>
    <xdr:to>
      <xdr:col>27</xdr:col>
      <xdr:colOff>485775</xdr:colOff>
      <xdr:row>30</xdr:row>
      <xdr:rowOff>123825</xdr:rowOff>
    </xdr:to>
    <xdr:pic>
      <xdr:nvPicPr>
        <xdr:cNvPr id="7" name="Picture 6" descr="C:\Users\i838480\AppData\Local\Temp\SNAGHTML4587afb.PNG">
          <a:extLst>
            <a:ext uri="{FF2B5EF4-FFF2-40B4-BE49-F238E27FC236}">
              <a16:creationId xmlns:a16="http://schemas.microsoft.com/office/drawing/2014/main" id="{12832CE7-23D3-4B2B-A882-43BF74B263FF}"/>
            </a:ext>
          </a:extLst>
        </xdr:cNvPr>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6287750" y="1428750"/>
          <a:ext cx="6019800" cy="102298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18</xdr:col>
      <xdr:colOff>133350</xdr:colOff>
      <xdr:row>3</xdr:row>
      <xdr:rowOff>180975</xdr:rowOff>
    </xdr:from>
    <xdr:to>
      <xdr:col>22</xdr:col>
      <xdr:colOff>276225</xdr:colOff>
      <xdr:row>5</xdr:row>
      <xdr:rowOff>123825</xdr:rowOff>
    </xdr:to>
    <xdr:sp macro="" textlink="">
      <xdr:nvSpPr>
        <xdr:cNvPr id="8" name="TextBox 7">
          <a:extLst>
            <a:ext uri="{FF2B5EF4-FFF2-40B4-BE49-F238E27FC236}">
              <a16:creationId xmlns:a16="http://schemas.microsoft.com/office/drawing/2014/main" id="{C5B2902C-47D7-43D0-B230-D2994F4FAED8}"/>
            </a:ext>
          </a:extLst>
        </xdr:cNvPr>
        <xdr:cNvSpPr txBox="1"/>
      </xdr:nvSpPr>
      <xdr:spPr>
        <a:xfrm>
          <a:off x="16468725" y="933450"/>
          <a:ext cx="2581275" cy="4572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t>Old Worksheet</a:t>
          </a:r>
        </a:p>
        <a:p>
          <a:r>
            <a:rPr lang="en-US" sz="1100"/>
            <a:t>New</a:t>
          </a:r>
          <a:r>
            <a:rPr lang="en-US" sz="1100" baseline="0"/>
            <a:t> York &amp; Yonkers worksheet</a:t>
          </a:r>
          <a:endParaRPr 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5</xdr:col>
      <xdr:colOff>371474</xdr:colOff>
      <xdr:row>4</xdr:row>
      <xdr:rowOff>161925</xdr:rowOff>
    </xdr:from>
    <xdr:to>
      <xdr:col>9</xdr:col>
      <xdr:colOff>152399</xdr:colOff>
      <xdr:row>8</xdr:row>
      <xdr:rowOff>190500</xdr:rowOff>
    </xdr:to>
    <xdr:sp macro="" textlink="">
      <xdr:nvSpPr>
        <xdr:cNvPr id="2" name="TextBox 1">
          <a:extLst>
            <a:ext uri="{FF2B5EF4-FFF2-40B4-BE49-F238E27FC236}">
              <a16:creationId xmlns:a16="http://schemas.microsoft.com/office/drawing/2014/main" id="{8A4285F6-D6A1-442D-AED5-5F4B661CA818}"/>
            </a:ext>
          </a:extLst>
        </xdr:cNvPr>
        <xdr:cNvSpPr txBox="1"/>
      </xdr:nvSpPr>
      <xdr:spPr>
        <a:xfrm>
          <a:off x="8953499" y="971550"/>
          <a:ext cx="2219325" cy="13144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100">
              <a:solidFill>
                <a:srgbClr val="0070C0"/>
              </a:solidFill>
            </a:rPr>
            <a:t>Schedules 3, 4</a:t>
          </a:r>
          <a:r>
            <a:rPr lang="en-US" sz="1100" baseline="0">
              <a:solidFill>
                <a:srgbClr val="0070C0"/>
              </a:solidFill>
            </a:rPr>
            <a:t> &amp; 5 were deleted on new version.</a:t>
          </a:r>
        </a:p>
        <a:p>
          <a:endParaRPr lang="en-US" sz="1100" baseline="0">
            <a:solidFill>
              <a:srgbClr val="0070C0"/>
            </a:solidFill>
          </a:endParaRPr>
        </a:p>
        <a:p>
          <a:r>
            <a:rPr lang="en-US" sz="1100" baseline="0">
              <a:solidFill>
                <a:srgbClr val="0070C0"/>
              </a:solidFill>
            </a:rPr>
            <a:t>New option Ded Adj TaxCredit worksheet inserted into line 14.</a:t>
          </a:r>
          <a:endParaRPr lang="en-US" sz="1100">
            <a:solidFill>
              <a:srgbClr val="0070C0"/>
            </a:solidFill>
          </a:endParaRPr>
        </a:p>
      </xdr:txBody>
    </xdr:sp>
    <xdr:clientData/>
  </xdr:twoCellAnchor>
</xdr:wsDr>
</file>

<file path=xl/drawings/drawing8.xml><?xml version="1.0" encoding="utf-8"?>
<xdr:wsDr xmlns:xdr="http://schemas.openxmlformats.org/drawingml/2006/spreadsheetDrawing" xmlns:a="http://schemas.openxmlformats.org/drawingml/2006/main">
  <xdr:twoCellAnchor editAs="oneCell">
    <xdr:from>
      <xdr:col>7</xdr:col>
      <xdr:colOff>57150</xdr:colOff>
      <xdr:row>4</xdr:row>
      <xdr:rowOff>76200</xdr:rowOff>
    </xdr:from>
    <xdr:to>
      <xdr:col>16</xdr:col>
      <xdr:colOff>323131</xdr:colOff>
      <xdr:row>18</xdr:row>
      <xdr:rowOff>123259</xdr:rowOff>
    </xdr:to>
    <xdr:pic>
      <xdr:nvPicPr>
        <xdr:cNvPr id="2" name="Picture 1">
          <a:extLst>
            <a:ext uri="{FF2B5EF4-FFF2-40B4-BE49-F238E27FC236}">
              <a16:creationId xmlns:a16="http://schemas.microsoft.com/office/drawing/2014/main" id="{4AA6039D-14E7-4CC5-959B-8F2BBC48025B}"/>
            </a:ext>
          </a:extLst>
        </xdr:cNvPr>
        <xdr:cNvPicPr>
          <a:picLocks noChangeAspect="1"/>
        </xdr:cNvPicPr>
      </xdr:nvPicPr>
      <xdr:blipFill>
        <a:blip xmlns:r="http://schemas.openxmlformats.org/officeDocument/2006/relationships" r:embed="rId1"/>
        <a:stretch>
          <a:fillRect/>
        </a:stretch>
      </xdr:blipFill>
      <xdr:spPr>
        <a:xfrm>
          <a:off x="9848850" y="1028700"/>
          <a:ext cx="5752381" cy="4523809"/>
        </a:xfrm>
        <a:prstGeom prst="rect">
          <a:avLst/>
        </a:prstGeom>
      </xdr:spPr>
    </xdr:pic>
    <xdr:clientData/>
  </xdr:twoCellAnchor>
  <xdr:twoCellAnchor editAs="oneCell">
    <xdr:from>
      <xdr:col>17</xdr:col>
      <xdr:colOff>527019</xdr:colOff>
      <xdr:row>4</xdr:row>
      <xdr:rowOff>19051</xdr:rowOff>
    </xdr:from>
    <xdr:to>
      <xdr:col>29</xdr:col>
      <xdr:colOff>314324</xdr:colOff>
      <xdr:row>14</xdr:row>
      <xdr:rowOff>542926</xdr:rowOff>
    </xdr:to>
    <xdr:pic>
      <xdr:nvPicPr>
        <xdr:cNvPr id="3" name="Picture 1">
          <a:extLst>
            <a:ext uri="{FF2B5EF4-FFF2-40B4-BE49-F238E27FC236}">
              <a16:creationId xmlns:a16="http://schemas.microsoft.com/office/drawing/2014/main" id="{A7A6C716-4616-4F28-9D7E-77C7E6661DDF}"/>
            </a:ext>
          </a:extLst>
        </xdr:cNvPr>
        <xdr:cNvPicPr>
          <a:picLocks noChangeAspect="1" noChangeArrowheads="1"/>
        </xdr:cNvPicPr>
      </xdr:nvPicPr>
      <xdr:blipFill>
        <a:blip xmlns:r="http://schemas.openxmlformats.org/officeDocument/2006/relationships" r:embed="rId2" cstate="print"/>
        <a:srcRect b="6576"/>
        <a:stretch>
          <a:fillRect/>
        </a:stretch>
      </xdr:blipFill>
      <xdr:spPr bwMode="auto">
        <a:xfrm>
          <a:off x="16414719" y="1133476"/>
          <a:ext cx="7102505" cy="3467100"/>
        </a:xfrm>
        <a:prstGeom prst="rect">
          <a:avLst/>
        </a:prstGeom>
        <a:ln>
          <a:noFill/>
        </a:ln>
        <a:effectLst>
          <a:outerShdw blurRad="292100" dist="139700" dir="2700000" algn="tl" rotWithShape="0">
            <a:srgbClr val="333333">
              <a:alpha val="65000"/>
            </a:srgbClr>
          </a:outerShdw>
        </a:effectLst>
      </xdr:spPr>
    </xdr:pic>
    <xdr:clientData/>
  </xdr:twoCellAnchor>
  <xdr:twoCellAnchor>
    <xdr:from>
      <xdr:col>7</xdr:col>
      <xdr:colOff>95250</xdr:colOff>
      <xdr:row>2</xdr:row>
      <xdr:rowOff>19050</xdr:rowOff>
    </xdr:from>
    <xdr:to>
      <xdr:col>11</xdr:col>
      <xdr:colOff>304800</xdr:colOff>
      <xdr:row>4</xdr:row>
      <xdr:rowOff>28575</xdr:rowOff>
    </xdr:to>
    <xdr:sp macro="" textlink="">
      <xdr:nvSpPr>
        <xdr:cNvPr id="4" name="TextBox 3">
          <a:extLst>
            <a:ext uri="{FF2B5EF4-FFF2-40B4-BE49-F238E27FC236}">
              <a16:creationId xmlns:a16="http://schemas.microsoft.com/office/drawing/2014/main" id="{AA983C10-AA9E-4CC6-8667-1D06908A9373}"/>
            </a:ext>
          </a:extLst>
        </xdr:cNvPr>
        <xdr:cNvSpPr txBox="1"/>
      </xdr:nvSpPr>
      <xdr:spPr>
        <a:xfrm>
          <a:off x="9886950" y="447675"/>
          <a:ext cx="2647950" cy="5334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3200">
              <a:solidFill>
                <a:srgbClr val="0070C0"/>
              </a:solidFill>
            </a:rPr>
            <a:t>New</a:t>
          </a:r>
        </a:p>
      </xdr:txBody>
    </xdr:sp>
    <xdr:clientData/>
  </xdr:twoCellAnchor>
  <xdr:twoCellAnchor>
    <xdr:from>
      <xdr:col>17</xdr:col>
      <xdr:colOff>533400</xdr:colOff>
      <xdr:row>2</xdr:row>
      <xdr:rowOff>47625</xdr:rowOff>
    </xdr:from>
    <xdr:to>
      <xdr:col>23</xdr:col>
      <xdr:colOff>466725</xdr:colOff>
      <xdr:row>4</xdr:row>
      <xdr:rowOff>0</xdr:rowOff>
    </xdr:to>
    <xdr:sp macro="" textlink="">
      <xdr:nvSpPr>
        <xdr:cNvPr id="5" name="TextBox 4">
          <a:extLst>
            <a:ext uri="{FF2B5EF4-FFF2-40B4-BE49-F238E27FC236}">
              <a16:creationId xmlns:a16="http://schemas.microsoft.com/office/drawing/2014/main" id="{CB968FD0-54CA-44B7-8375-73EF983B5D98}"/>
            </a:ext>
          </a:extLst>
        </xdr:cNvPr>
        <xdr:cNvSpPr txBox="1"/>
      </xdr:nvSpPr>
      <xdr:spPr>
        <a:xfrm>
          <a:off x="16421100" y="476250"/>
          <a:ext cx="3590925" cy="4762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3200">
              <a:solidFill>
                <a:srgbClr val="0070C0"/>
              </a:solidFill>
            </a:rPr>
            <a:t>Previous</a:t>
          </a: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2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26.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2.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31.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2D62E6-6B52-4641-A186-BEB3C10C8859}">
  <dimension ref="A1:F150"/>
  <sheetViews>
    <sheetView topLeftCell="A117" zoomScale="110" zoomScaleNormal="110" workbookViewId="0">
      <selection activeCell="B122" sqref="B122:D128"/>
    </sheetView>
  </sheetViews>
  <sheetFormatPr defaultRowHeight="14.45"/>
  <cols>
    <col min="1" max="1" width="36" customWidth="1"/>
    <col min="2" max="2" width="19.5703125" customWidth="1"/>
    <col min="3" max="3" width="37" customWidth="1"/>
    <col min="4" max="4" width="15.28515625" customWidth="1"/>
    <col min="5" max="5" width="32.42578125" customWidth="1"/>
    <col min="6" max="6" width="9.140625" customWidth="1"/>
  </cols>
  <sheetData>
    <row r="1" spans="1:6" ht="18.600000000000001">
      <c r="A1" s="73" t="s">
        <v>0</v>
      </c>
      <c r="B1" s="73"/>
      <c r="C1" s="73"/>
      <c r="D1" s="73"/>
      <c r="E1" s="73"/>
      <c r="F1" s="73"/>
    </row>
    <row r="2" spans="1:6">
      <c r="A2" s="6" t="s">
        <v>1</v>
      </c>
      <c r="B2" s="6" t="s">
        <v>2</v>
      </c>
      <c r="C2" s="6" t="s">
        <v>3</v>
      </c>
      <c r="D2" s="6" t="s">
        <v>4</v>
      </c>
      <c r="E2" s="6" t="s">
        <v>5</v>
      </c>
    </row>
    <row r="3" spans="1:6">
      <c r="A3" s="3" t="s">
        <v>6</v>
      </c>
      <c r="B3" s="3" t="s">
        <v>7</v>
      </c>
    </row>
    <row r="4" spans="1:6">
      <c r="B4" s="3" t="s">
        <v>7</v>
      </c>
      <c r="C4" s="3" t="s">
        <v>8</v>
      </c>
      <c r="E4" s="3" t="s">
        <v>9</v>
      </c>
    </row>
    <row r="5" spans="1:6">
      <c r="B5" s="3" t="s">
        <v>7</v>
      </c>
      <c r="C5" s="3" t="s">
        <v>10</v>
      </c>
      <c r="E5" s="3" t="s">
        <v>11</v>
      </c>
    </row>
    <row r="6" spans="1:6">
      <c r="B6" s="3" t="s">
        <v>7</v>
      </c>
      <c r="C6" s="3" t="s">
        <v>12</v>
      </c>
      <c r="E6" s="3" t="s">
        <v>13</v>
      </c>
    </row>
    <row r="7" spans="1:6">
      <c r="B7" s="10" t="s">
        <v>14</v>
      </c>
      <c r="C7" s="3" t="s">
        <v>15</v>
      </c>
      <c r="D7" s="3" t="s">
        <v>16</v>
      </c>
    </row>
    <row r="8" spans="1:6">
      <c r="B8" s="10" t="s">
        <v>14</v>
      </c>
      <c r="C8" s="3" t="s">
        <v>17</v>
      </c>
      <c r="D8" t="s">
        <v>18</v>
      </c>
    </row>
    <row r="9" spans="1:6" ht="50.1">
      <c r="A9" s="4" t="s">
        <v>19</v>
      </c>
    </row>
    <row r="10" spans="1:6">
      <c r="B10" s="10" t="s">
        <v>20</v>
      </c>
      <c r="C10" s="3" t="s">
        <v>21</v>
      </c>
    </row>
    <row r="11" spans="1:6">
      <c r="B11" s="10" t="s">
        <v>20</v>
      </c>
      <c r="C11" s="3" t="s">
        <v>22</v>
      </c>
    </row>
    <row r="12" spans="1:6">
      <c r="B12" s="10" t="s">
        <v>20</v>
      </c>
      <c r="C12" s="3" t="s">
        <v>23</v>
      </c>
    </row>
    <row r="13" spans="1:6" ht="24.95">
      <c r="A13" s="4" t="s">
        <v>24</v>
      </c>
    </row>
    <row r="14" spans="1:6">
      <c r="B14" s="10" t="s">
        <v>20</v>
      </c>
      <c r="C14" s="3" t="s">
        <v>25</v>
      </c>
    </row>
    <row r="15" spans="1:6">
      <c r="B15" s="10" t="s">
        <v>20</v>
      </c>
      <c r="C15" s="3" t="s">
        <v>26</v>
      </c>
    </row>
    <row r="16" spans="1:6">
      <c r="B16" s="10" t="s">
        <v>20</v>
      </c>
      <c r="C16" s="3" t="s">
        <v>27</v>
      </c>
    </row>
    <row r="17" spans="1:3" ht="24.95">
      <c r="A17" s="4" t="s">
        <v>28</v>
      </c>
    </row>
    <row r="18" spans="1:3">
      <c r="B18" s="10" t="s">
        <v>20</v>
      </c>
      <c r="C18" s="3" t="s">
        <v>29</v>
      </c>
    </row>
    <row r="19" spans="1:3">
      <c r="B19" s="10" t="s">
        <v>20</v>
      </c>
      <c r="C19" s="3" t="s">
        <v>30</v>
      </c>
    </row>
    <row r="20" spans="1:3">
      <c r="B20" s="10" t="s">
        <v>20</v>
      </c>
      <c r="C20" s="3" t="s">
        <v>31</v>
      </c>
    </row>
    <row r="21" spans="1:3" ht="24.95">
      <c r="A21" s="4" t="s">
        <v>32</v>
      </c>
    </row>
    <row r="22" spans="1:3">
      <c r="B22" s="10" t="s">
        <v>20</v>
      </c>
      <c r="C22" s="3" t="s">
        <v>33</v>
      </c>
    </row>
    <row r="23" spans="1:3">
      <c r="B23" s="10" t="s">
        <v>20</v>
      </c>
      <c r="C23" s="3" t="s">
        <v>34</v>
      </c>
    </row>
    <row r="24" spans="1:3">
      <c r="B24" s="10" t="s">
        <v>20</v>
      </c>
      <c r="C24" s="3" t="s">
        <v>35</v>
      </c>
    </row>
    <row r="25" spans="1:3" ht="24.95">
      <c r="A25" s="4" t="s">
        <v>36</v>
      </c>
    </row>
    <row r="26" spans="1:3">
      <c r="B26" s="10" t="s">
        <v>20</v>
      </c>
      <c r="C26" s="3" t="s">
        <v>37</v>
      </c>
    </row>
    <row r="27" spans="1:3">
      <c r="B27" s="10" t="s">
        <v>20</v>
      </c>
      <c r="C27" s="3" t="s">
        <v>38</v>
      </c>
    </row>
    <row r="28" spans="1:3">
      <c r="B28" s="10" t="s">
        <v>20</v>
      </c>
      <c r="C28" s="3" t="s">
        <v>39</v>
      </c>
    </row>
    <row r="29" spans="1:3">
      <c r="A29" s="3" t="s">
        <v>40</v>
      </c>
    </row>
    <row r="30" spans="1:3">
      <c r="B30" s="10" t="s">
        <v>20</v>
      </c>
      <c r="C30" s="3" t="s">
        <v>41</v>
      </c>
    </row>
    <row r="31" spans="1:3">
      <c r="B31" s="10" t="s">
        <v>20</v>
      </c>
      <c r="C31" s="3" t="s">
        <v>42</v>
      </c>
    </row>
    <row r="32" spans="1:3">
      <c r="B32" s="10" t="s">
        <v>20</v>
      </c>
      <c r="C32" s="3" t="s">
        <v>43</v>
      </c>
    </row>
    <row r="33" spans="1:3" ht="24.95">
      <c r="A33" s="4" t="s">
        <v>44</v>
      </c>
    </row>
    <row r="34" spans="1:3">
      <c r="B34" s="10" t="s">
        <v>20</v>
      </c>
      <c r="C34" s="3" t="s">
        <v>45</v>
      </c>
    </row>
    <row r="35" spans="1:3">
      <c r="B35" s="10" t="s">
        <v>20</v>
      </c>
      <c r="C35" s="3" t="s">
        <v>46</v>
      </c>
    </row>
    <row r="36" spans="1:3">
      <c r="B36" s="10" t="s">
        <v>20</v>
      </c>
      <c r="C36" s="3" t="s">
        <v>47</v>
      </c>
    </row>
    <row r="37" spans="1:3" ht="37.5">
      <c r="A37" s="4" t="s">
        <v>48</v>
      </c>
    </row>
    <row r="38" spans="1:3">
      <c r="B38" s="10" t="s">
        <v>20</v>
      </c>
      <c r="C38" s="3" t="s">
        <v>49</v>
      </c>
    </row>
    <row r="39" spans="1:3">
      <c r="B39" s="10" t="s">
        <v>20</v>
      </c>
      <c r="C39" s="3" t="s">
        <v>50</v>
      </c>
    </row>
    <row r="40" spans="1:3">
      <c r="B40" s="10" t="s">
        <v>20</v>
      </c>
      <c r="C40" s="3" t="s">
        <v>51</v>
      </c>
    </row>
    <row r="41" spans="1:3" ht="24.95">
      <c r="A41" s="4" t="s">
        <v>52</v>
      </c>
    </row>
    <row r="42" spans="1:3">
      <c r="B42" s="10" t="s">
        <v>20</v>
      </c>
      <c r="C42" s="3" t="s">
        <v>53</v>
      </c>
    </row>
    <row r="43" spans="1:3">
      <c r="B43" s="10" t="s">
        <v>20</v>
      </c>
      <c r="C43" s="3" t="s">
        <v>54</v>
      </c>
    </row>
    <row r="44" spans="1:3">
      <c r="B44" s="10" t="s">
        <v>20</v>
      </c>
      <c r="C44" s="3" t="s">
        <v>55</v>
      </c>
    </row>
    <row r="45" spans="1:3">
      <c r="A45" s="3" t="s">
        <v>56</v>
      </c>
    </row>
    <row r="46" spans="1:3">
      <c r="B46" s="10" t="s">
        <v>20</v>
      </c>
      <c r="C46" s="3" t="s">
        <v>57</v>
      </c>
    </row>
    <row r="47" spans="1:3">
      <c r="B47" s="10" t="s">
        <v>20</v>
      </c>
      <c r="C47" s="3" t="s">
        <v>58</v>
      </c>
    </row>
    <row r="48" spans="1:3">
      <c r="B48" s="10" t="s">
        <v>20</v>
      </c>
      <c r="C48" s="3" t="s">
        <v>59</v>
      </c>
    </row>
    <row r="49" spans="1:3" ht="24.95">
      <c r="A49" s="4" t="s">
        <v>60</v>
      </c>
    </row>
    <row r="50" spans="1:3">
      <c r="B50" s="10" t="s">
        <v>20</v>
      </c>
      <c r="C50" s="3" t="s">
        <v>61</v>
      </c>
    </row>
    <row r="51" spans="1:3">
      <c r="B51" s="10" t="s">
        <v>20</v>
      </c>
      <c r="C51" s="3" t="s">
        <v>62</v>
      </c>
    </row>
    <row r="52" spans="1:3">
      <c r="B52" s="10" t="s">
        <v>20</v>
      </c>
      <c r="C52" s="3" t="s">
        <v>63</v>
      </c>
    </row>
    <row r="53" spans="1:3" ht="24.95">
      <c r="A53" s="4" t="s">
        <v>64</v>
      </c>
    </row>
    <row r="54" spans="1:3">
      <c r="B54" s="10" t="s">
        <v>20</v>
      </c>
      <c r="C54" s="3" t="s">
        <v>65</v>
      </c>
    </row>
    <row r="55" spans="1:3">
      <c r="B55" s="10" t="s">
        <v>20</v>
      </c>
      <c r="C55" s="3" t="s">
        <v>66</v>
      </c>
    </row>
    <row r="56" spans="1:3">
      <c r="B56" s="10" t="s">
        <v>20</v>
      </c>
      <c r="C56" s="3" t="s">
        <v>67</v>
      </c>
    </row>
    <row r="57" spans="1:3" ht="87.6">
      <c r="A57" s="4" t="s">
        <v>68</v>
      </c>
    </row>
    <row r="58" spans="1:3">
      <c r="B58" s="10" t="s">
        <v>20</v>
      </c>
      <c r="C58" s="3" t="s">
        <v>69</v>
      </c>
    </row>
    <row r="59" spans="1:3">
      <c r="B59" s="10" t="s">
        <v>20</v>
      </c>
      <c r="C59" s="3" t="s">
        <v>70</v>
      </c>
    </row>
    <row r="60" spans="1:3">
      <c r="B60" s="10" t="s">
        <v>20</v>
      </c>
      <c r="C60" s="3" t="s">
        <v>71</v>
      </c>
    </row>
    <row r="61" spans="1:3" ht="24.95">
      <c r="A61" s="4" t="s">
        <v>72</v>
      </c>
    </row>
    <row r="62" spans="1:3">
      <c r="B62" s="10" t="s">
        <v>20</v>
      </c>
      <c r="C62" s="3" t="s">
        <v>73</v>
      </c>
    </row>
    <row r="63" spans="1:3">
      <c r="B63" s="10" t="s">
        <v>20</v>
      </c>
      <c r="C63" s="3" t="s">
        <v>74</v>
      </c>
    </row>
    <row r="64" spans="1:3">
      <c r="B64" s="10" t="s">
        <v>20</v>
      </c>
      <c r="C64" s="3" t="s">
        <v>75</v>
      </c>
    </row>
    <row r="65" spans="1:3" ht="24.95">
      <c r="A65" s="4" t="s">
        <v>76</v>
      </c>
    </row>
    <row r="66" spans="1:3">
      <c r="B66" s="10" t="s">
        <v>20</v>
      </c>
      <c r="C66" s="3" t="s">
        <v>77</v>
      </c>
    </row>
    <row r="67" spans="1:3">
      <c r="B67" s="10" t="s">
        <v>20</v>
      </c>
      <c r="C67" s="3" t="s">
        <v>78</v>
      </c>
    </row>
    <row r="68" spans="1:3">
      <c r="B68" s="10" t="s">
        <v>20</v>
      </c>
      <c r="C68" s="3" t="s">
        <v>79</v>
      </c>
    </row>
    <row r="69" spans="1:3" ht="62.45">
      <c r="A69" s="4" t="s">
        <v>80</v>
      </c>
    </row>
    <row r="70" spans="1:3">
      <c r="B70" s="10" t="s">
        <v>20</v>
      </c>
      <c r="C70" s="3" t="s">
        <v>81</v>
      </c>
    </row>
    <row r="71" spans="1:3">
      <c r="B71" s="10" t="s">
        <v>20</v>
      </c>
      <c r="C71" s="3" t="s">
        <v>82</v>
      </c>
    </row>
    <row r="72" spans="1:3">
      <c r="B72" s="10" t="s">
        <v>20</v>
      </c>
      <c r="C72" s="3" t="s">
        <v>83</v>
      </c>
    </row>
    <row r="73" spans="1:3" ht="24.95">
      <c r="A73" s="4" t="s">
        <v>84</v>
      </c>
    </row>
    <row r="74" spans="1:3">
      <c r="B74" s="10" t="s">
        <v>20</v>
      </c>
      <c r="C74" s="3" t="s">
        <v>85</v>
      </c>
    </row>
    <row r="75" spans="1:3">
      <c r="B75" s="10" t="s">
        <v>20</v>
      </c>
      <c r="C75" s="3" t="s">
        <v>86</v>
      </c>
    </row>
    <row r="76" spans="1:3">
      <c r="B76" s="10" t="s">
        <v>20</v>
      </c>
      <c r="C76" s="3" t="s">
        <v>87</v>
      </c>
    </row>
    <row r="77" spans="1:3" ht="24.95">
      <c r="A77" s="4" t="s">
        <v>88</v>
      </c>
    </row>
    <row r="78" spans="1:3">
      <c r="B78" s="10" t="s">
        <v>20</v>
      </c>
      <c r="C78" s="3" t="s">
        <v>89</v>
      </c>
    </row>
    <row r="79" spans="1:3">
      <c r="B79" s="10" t="s">
        <v>20</v>
      </c>
      <c r="C79" s="3" t="s">
        <v>90</v>
      </c>
    </row>
    <row r="80" spans="1:3">
      <c r="B80" s="10" t="s">
        <v>20</v>
      </c>
      <c r="C80" s="3" t="s">
        <v>91</v>
      </c>
    </row>
    <row r="81" spans="1:3" ht="50.1">
      <c r="A81" s="4" t="s">
        <v>92</v>
      </c>
    </row>
    <row r="82" spans="1:3">
      <c r="B82" s="10" t="s">
        <v>20</v>
      </c>
      <c r="C82" s="3" t="s">
        <v>93</v>
      </c>
    </row>
    <row r="83" spans="1:3">
      <c r="B83" s="10" t="s">
        <v>20</v>
      </c>
      <c r="C83" s="3" t="s">
        <v>94</v>
      </c>
    </row>
    <row r="84" spans="1:3">
      <c r="B84" s="10" t="s">
        <v>20</v>
      </c>
      <c r="C84" s="3" t="s">
        <v>95</v>
      </c>
    </row>
    <row r="85" spans="1:3" ht="24.95">
      <c r="A85" s="4" t="s">
        <v>96</v>
      </c>
    </row>
    <row r="86" spans="1:3">
      <c r="B86" s="10" t="s">
        <v>20</v>
      </c>
      <c r="C86" s="3" t="s">
        <v>97</v>
      </c>
    </row>
    <row r="87" spans="1:3">
      <c r="B87" s="10" t="s">
        <v>20</v>
      </c>
      <c r="C87" s="3" t="s">
        <v>98</v>
      </c>
    </row>
    <row r="88" spans="1:3">
      <c r="B88" s="10" t="s">
        <v>20</v>
      </c>
      <c r="C88" s="3" t="s">
        <v>99</v>
      </c>
    </row>
    <row r="89" spans="1:3" ht="24.95">
      <c r="A89" s="4" t="s">
        <v>100</v>
      </c>
    </row>
    <row r="90" spans="1:3">
      <c r="B90" s="10" t="s">
        <v>20</v>
      </c>
      <c r="C90" s="3" t="s">
        <v>101</v>
      </c>
    </row>
    <row r="91" spans="1:3">
      <c r="B91" s="10" t="s">
        <v>20</v>
      </c>
      <c r="C91" s="3" t="s">
        <v>102</v>
      </c>
    </row>
    <row r="92" spans="1:3">
      <c r="B92" s="10" t="s">
        <v>20</v>
      </c>
      <c r="C92" s="3" t="s">
        <v>103</v>
      </c>
    </row>
    <row r="93" spans="1:3">
      <c r="A93" s="3" t="s">
        <v>104</v>
      </c>
    </row>
    <row r="94" spans="1:3">
      <c r="B94" s="10" t="s">
        <v>20</v>
      </c>
      <c r="C94" s="3" t="s">
        <v>105</v>
      </c>
    </row>
    <row r="95" spans="1:3">
      <c r="B95" s="10" t="s">
        <v>20</v>
      </c>
      <c r="C95" s="3" t="s">
        <v>106</v>
      </c>
    </row>
    <row r="96" spans="1:3">
      <c r="B96" s="10" t="s">
        <v>20</v>
      </c>
      <c r="C96" s="3" t="s">
        <v>107</v>
      </c>
    </row>
    <row r="97" spans="1:3" ht="37.5">
      <c r="A97" s="4" t="s">
        <v>108</v>
      </c>
    </row>
    <row r="98" spans="1:3">
      <c r="B98" s="10" t="s">
        <v>20</v>
      </c>
      <c r="C98" s="3" t="s">
        <v>109</v>
      </c>
    </row>
    <row r="99" spans="1:3">
      <c r="B99" s="10" t="s">
        <v>20</v>
      </c>
      <c r="C99" s="3" t="s">
        <v>110</v>
      </c>
    </row>
    <row r="100" spans="1:3">
      <c r="B100" s="10" t="s">
        <v>20</v>
      </c>
      <c r="C100" s="3" t="s">
        <v>111</v>
      </c>
    </row>
    <row r="101" spans="1:3" ht="37.5">
      <c r="A101" s="4" t="s">
        <v>112</v>
      </c>
    </row>
    <row r="102" spans="1:3">
      <c r="B102" s="10" t="s">
        <v>20</v>
      </c>
      <c r="C102" s="3" t="s">
        <v>113</v>
      </c>
    </row>
    <row r="103" spans="1:3">
      <c r="B103" s="10" t="s">
        <v>20</v>
      </c>
      <c r="C103" s="3" t="s">
        <v>114</v>
      </c>
    </row>
    <row r="104" spans="1:3">
      <c r="B104" s="10" t="s">
        <v>20</v>
      </c>
      <c r="C104" s="3" t="s">
        <v>115</v>
      </c>
    </row>
    <row r="105" spans="1:3" ht="50.1">
      <c r="A105" s="4" t="s">
        <v>116</v>
      </c>
    </row>
    <row r="106" spans="1:3">
      <c r="B106" s="10" t="s">
        <v>20</v>
      </c>
      <c r="C106" s="3" t="s">
        <v>117</v>
      </c>
    </row>
    <row r="107" spans="1:3">
      <c r="B107" s="10" t="s">
        <v>20</v>
      </c>
      <c r="C107" s="3" t="s">
        <v>118</v>
      </c>
    </row>
    <row r="108" spans="1:3">
      <c r="B108" s="10" t="s">
        <v>20</v>
      </c>
      <c r="C108" s="3" t="s">
        <v>119</v>
      </c>
    </row>
    <row r="109" spans="1:3" ht="24.95">
      <c r="A109" s="4" t="s">
        <v>120</v>
      </c>
    </row>
    <row r="110" spans="1:3">
      <c r="B110" s="10" t="s">
        <v>20</v>
      </c>
      <c r="C110" s="3" t="s">
        <v>121</v>
      </c>
    </row>
    <row r="111" spans="1:3">
      <c r="B111" s="10" t="s">
        <v>20</v>
      </c>
      <c r="C111" s="3" t="s">
        <v>122</v>
      </c>
    </row>
    <row r="112" spans="1:3">
      <c r="B112" s="10" t="s">
        <v>20</v>
      </c>
      <c r="C112" s="3" t="s">
        <v>123</v>
      </c>
    </row>
    <row r="113" spans="1:4" ht="24.95">
      <c r="A113" s="4" t="s">
        <v>124</v>
      </c>
    </row>
    <row r="114" spans="1:4">
      <c r="B114" s="10" t="s">
        <v>20</v>
      </c>
      <c r="C114" s="3" t="s">
        <v>125</v>
      </c>
    </row>
    <row r="115" spans="1:4">
      <c r="B115" s="10" t="s">
        <v>20</v>
      </c>
      <c r="C115" s="3" t="s">
        <v>126</v>
      </c>
    </row>
    <row r="116" spans="1:4">
      <c r="B116" s="10" t="s">
        <v>20</v>
      </c>
      <c r="C116" s="3" t="s">
        <v>127</v>
      </c>
    </row>
    <row r="117" spans="1:4">
      <c r="A117" s="4" t="s">
        <v>128</v>
      </c>
    </row>
    <row r="118" spans="1:4">
      <c r="B118" s="10" t="s">
        <v>20</v>
      </c>
      <c r="C118" s="3" t="s">
        <v>129</v>
      </c>
    </row>
    <row r="119" spans="1:4">
      <c r="B119" s="10" t="s">
        <v>20</v>
      </c>
      <c r="C119" s="3" t="s">
        <v>130</v>
      </c>
    </row>
    <row r="120" spans="1:4">
      <c r="B120" s="10" t="s">
        <v>20</v>
      </c>
      <c r="C120" s="3" t="s">
        <v>131</v>
      </c>
    </row>
    <row r="121" spans="1:4" ht="24.95">
      <c r="A121" s="4" t="s">
        <v>132</v>
      </c>
    </row>
    <row r="122" spans="1:4">
      <c r="B122" s="10" t="s">
        <v>20</v>
      </c>
      <c r="C122" s="3" t="s">
        <v>133</v>
      </c>
    </row>
    <row r="123" spans="1:4">
      <c r="B123" s="10" t="s">
        <v>20</v>
      </c>
      <c r="C123" s="3" t="s">
        <v>134</v>
      </c>
    </row>
    <row r="124" spans="1:4">
      <c r="B124" s="10" t="s">
        <v>20</v>
      </c>
      <c r="C124" s="3" t="s">
        <v>135</v>
      </c>
    </row>
    <row r="125" spans="1:4">
      <c r="B125" s="3" t="s">
        <v>14</v>
      </c>
      <c r="C125" t="s">
        <v>136</v>
      </c>
      <c r="D125">
        <v>7</v>
      </c>
    </row>
    <row r="126" spans="1:4">
      <c r="B126" s="3" t="s">
        <v>14</v>
      </c>
      <c r="C126" s="3" t="s">
        <v>137</v>
      </c>
      <c r="D126">
        <v>14</v>
      </c>
    </row>
    <row r="127" spans="1:4">
      <c r="B127" s="3" t="s">
        <v>14</v>
      </c>
      <c r="C127" s="3" t="s">
        <v>138</v>
      </c>
      <c r="D127">
        <v>21</v>
      </c>
    </row>
    <row r="128" spans="1:4">
      <c r="B128" s="3" t="s">
        <v>14</v>
      </c>
      <c r="C128" s="3" t="s">
        <v>139</v>
      </c>
      <c r="D128">
        <v>28</v>
      </c>
    </row>
    <row r="129" spans="1:5">
      <c r="A129" s="3" t="s">
        <v>140</v>
      </c>
    </row>
    <row r="130" spans="1:5">
      <c r="B130" s="10" t="s">
        <v>20</v>
      </c>
      <c r="C130" s="3" t="s">
        <v>141</v>
      </c>
    </row>
    <row r="131" spans="1:5">
      <c r="B131" s="10" t="s">
        <v>20</v>
      </c>
      <c r="C131" s="3" t="s">
        <v>142</v>
      </c>
    </row>
    <row r="132" spans="1:5">
      <c r="B132" s="10" t="s">
        <v>20</v>
      </c>
      <c r="C132" s="3" t="s">
        <v>143</v>
      </c>
    </row>
    <row r="133" spans="1:5" ht="24.95">
      <c r="A133" s="4" t="s">
        <v>144</v>
      </c>
    </row>
    <row r="134" spans="1:5">
      <c r="B134" s="10" t="s">
        <v>20</v>
      </c>
      <c r="C134" s="3" t="s">
        <v>145</v>
      </c>
    </row>
    <row r="135" spans="1:5">
      <c r="B135" s="10" t="s">
        <v>20</v>
      </c>
      <c r="C135" s="3" t="s">
        <v>146</v>
      </c>
    </row>
    <row r="136" spans="1:5">
      <c r="B136" s="10" t="s">
        <v>20</v>
      </c>
      <c r="C136" s="3" t="s">
        <v>147</v>
      </c>
    </row>
    <row r="137" spans="1:5">
      <c r="A137" s="3" t="s">
        <v>148</v>
      </c>
      <c r="B137" s="3" t="s">
        <v>7</v>
      </c>
    </row>
    <row r="138" spans="1:5">
      <c r="B138" s="3" t="s">
        <v>7</v>
      </c>
      <c r="C138" s="3" t="s">
        <v>149</v>
      </c>
      <c r="E138" s="3" t="s">
        <v>150</v>
      </c>
    </row>
    <row r="139" spans="1:5">
      <c r="B139" s="3" t="s">
        <v>7</v>
      </c>
      <c r="C139" s="3" t="s">
        <v>151</v>
      </c>
      <c r="E139" s="3" t="s">
        <v>150</v>
      </c>
    </row>
    <row r="140" spans="1:5">
      <c r="B140" s="3" t="s">
        <v>14</v>
      </c>
      <c r="C140" s="3" t="s">
        <v>152</v>
      </c>
      <c r="D140" t="s">
        <v>153</v>
      </c>
    </row>
    <row r="141" spans="1:5">
      <c r="B141" s="3" t="s">
        <v>14</v>
      </c>
      <c r="C141" s="3" t="s">
        <v>154</v>
      </c>
      <c r="D141" t="s">
        <v>155</v>
      </c>
    </row>
    <row r="142" spans="1:5" ht="37.5">
      <c r="B142" s="3" t="s">
        <v>14</v>
      </c>
      <c r="C142" s="4" t="s">
        <v>156</v>
      </c>
      <c r="D142" t="s">
        <v>157</v>
      </c>
    </row>
    <row r="143" spans="1:5">
      <c r="A143" s="3" t="s">
        <v>158</v>
      </c>
    </row>
    <row r="144" spans="1:5">
      <c r="B144" t="s">
        <v>159</v>
      </c>
      <c r="C144" s="3" t="s">
        <v>160</v>
      </c>
    </row>
    <row r="145" spans="1:3">
      <c r="B145" t="s">
        <v>159</v>
      </c>
      <c r="C145" s="3" t="s">
        <v>161</v>
      </c>
    </row>
    <row r="146" spans="1:3">
      <c r="B146" t="s">
        <v>159</v>
      </c>
      <c r="C146" s="3" t="s">
        <v>162</v>
      </c>
    </row>
    <row r="147" spans="1:3" ht="24.95">
      <c r="A147" s="4" t="s">
        <v>163</v>
      </c>
    </row>
    <row r="148" spans="1:3">
      <c r="B148" t="s">
        <v>159</v>
      </c>
      <c r="C148" s="3" t="s">
        <v>164</v>
      </c>
    </row>
    <row r="149" spans="1:3">
      <c r="B149" t="s">
        <v>159</v>
      </c>
      <c r="C149" s="3" t="s">
        <v>165</v>
      </c>
    </row>
    <row r="150" spans="1:3">
      <c r="B150" t="s">
        <v>159</v>
      </c>
      <c r="C150" s="3" t="s">
        <v>166</v>
      </c>
    </row>
  </sheetData>
  <mergeCells count="1">
    <mergeCell ref="A1:F1"/>
  </mergeCells>
  <pageMargins left="0.7" right="0.7" top="0.75" bottom="0.75" header="0.3" footer="0.3"/>
  <pageSetup orientation="portrait" horizontalDpi="300" verticalDpi="0" copies="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DE65A9C-3AAB-4892-8027-C80EE0D03E38}">
  <dimension ref="A1:F34"/>
  <sheetViews>
    <sheetView topLeftCell="A17" zoomScale="120" zoomScaleNormal="120" workbookViewId="0">
      <selection activeCell="D30" sqref="D30"/>
    </sheetView>
  </sheetViews>
  <sheetFormatPr defaultRowHeight="14.45"/>
  <cols>
    <col min="1" max="1" width="37.42578125" customWidth="1"/>
    <col min="2" max="2" width="17.5703125" customWidth="1"/>
    <col min="3" max="3" width="40.28515625" customWidth="1"/>
    <col min="4" max="4" width="21.5703125" customWidth="1"/>
  </cols>
  <sheetData>
    <row r="1" spans="1:6" ht="18.600000000000001">
      <c r="A1" s="73" t="s">
        <v>622</v>
      </c>
      <c r="B1" s="73"/>
      <c r="C1" s="73"/>
      <c r="D1" s="73"/>
      <c r="E1" s="73"/>
      <c r="F1" s="73"/>
    </row>
    <row r="2" spans="1:6">
      <c r="A2" s="6" t="s">
        <v>1</v>
      </c>
      <c r="B2" s="6" t="s">
        <v>2</v>
      </c>
      <c r="C2" s="6" t="s">
        <v>3</v>
      </c>
      <c r="D2" s="6" t="s">
        <v>4</v>
      </c>
    </row>
    <row r="3" spans="1:6">
      <c r="A3" s="3" t="s">
        <v>148</v>
      </c>
      <c r="B3" t="s">
        <v>7</v>
      </c>
      <c r="C3" s="3" t="s">
        <v>623</v>
      </c>
    </row>
    <row r="4" spans="1:6">
      <c r="C4" t="s">
        <v>383</v>
      </c>
      <c r="D4" s="1"/>
    </row>
    <row r="5" spans="1:6">
      <c r="C5" s="1" t="s">
        <v>152</v>
      </c>
      <c r="D5" t="s">
        <v>153</v>
      </c>
    </row>
    <row r="6" spans="1:6">
      <c r="C6" s="1" t="s">
        <v>154</v>
      </c>
      <c r="D6" t="s">
        <v>155</v>
      </c>
    </row>
    <row r="7" spans="1:6" ht="26.1">
      <c r="C7" s="2" t="s">
        <v>624</v>
      </c>
      <c r="D7" t="s">
        <v>157</v>
      </c>
    </row>
    <row r="8" spans="1:6">
      <c r="C8" s="1" t="s">
        <v>625</v>
      </c>
      <c r="D8" t="s">
        <v>571</v>
      </c>
    </row>
    <row r="9" spans="1:6">
      <c r="C9" s="1" t="s">
        <v>626</v>
      </c>
      <c r="D9" t="s">
        <v>627</v>
      </c>
    </row>
    <row r="10" spans="1:6">
      <c r="A10" s="1" t="s">
        <v>628</v>
      </c>
      <c r="B10" t="s">
        <v>159</v>
      </c>
      <c r="C10" s="1" t="s">
        <v>629</v>
      </c>
    </row>
    <row r="11" spans="1:6" ht="24.95">
      <c r="A11" s="4" t="s">
        <v>630</v>
      </c>
      <c r="B11" t="s">
        <v>159</v>
      </c>
      <c r="C11" s="1" t="s">
        <v>631</v>
      </c>
    </row>
    <row r="12" spans="1:6" ht="38.450000000000003">
      <c r="A12" s="2" t="s">
        <v>632</v>
      </c>
      <c r="B12" t="s">
        <v>176</v>
      </c>
      <c r="C12" s="1" t="s">
        <v>633</v>
      </c>
    </row>
    <row r="13" spans="1:6" ht="24.95">
      <c r="A13" s="4" t="s">
        <v>634</v>
      </c>
      <c r="B13" t="s">
        <v>159</v>
      </c>
      <c r="C13" s="1" t="s">
        <v>635</v>
      </c>
    </row>
    <row r="14" spans="1:6" ht="62.45">
      <c r="A14" s="4" t="s">
        <v>636</v>
      </c>
      <c r="B14" t="s">
        <v>159</v>
      </c>
      <c r="C14" s="1" t="s">
        <v>637</v>
      </c>
    </row>
    <row r="15" spans="1:6" ht="63.6">
      <c r="A15" s="2" t="s">
        <v>638</v>
      </c>
      <c r="B15" t="s">
        <v>159</v>
      </c>
      <c r="C15" s="1" t="s">
        <v>639</v>
      </c>
    </row>
    <row r="16" spans="1:6" ht="50.1">
      <c r="A16" s="4" t="s">
        <v>640</v>
      </c>
      <c r="B16" t="s">
        <v>159</v>
      </c>
      <c r="C16" s="1" t="s">
        <v>641</v>
      </c>
    </row>
    <row r="17" spans="1:4" ht="26.1">
      <c r="A17" s="2" t="s">
        <v>642</v>
      </c>
      <c r="B17" t="s">
        <v>159</v>
      </c>
      <c r="C17" s="1" t="s">
        <v>643</v>
      </c>
    </row>
    <row r="18" spans="1:4" ht="26.1">
      <c r="A18" s="2" t="s">
        <v>644</v>
      </c>
      <c r="B18" t="s">
        <v>159</v>
      </c>
      <c r="C18" s="1" t="s">
        <v>645</v>
      </c>
    </row>
    <row r="19" spans="1:4" ht="26.1">
      <c r="A19" s="2" t="s">
        <v>646</v>
      </c>
      <c r="B19" t="s">
        <v>159</v>
      </c>
      <c r="C19" s="1" t="s">
        <v>647</v>
      </c>
    </row>
    <row r="20" spans="1:4" ht="51">
      <c r="A20" s="2" t="s">
        <v>648</v>
      </c>
      <c r="B20" t="s">
        <v>159</v>
      </c>
      <c r="C20" s="1" t="s">
        <v>649</v>
      </c>
    </row>
    <row r="21" spans="1:4" ht="24.95">
      <c r="A21" s="4" t="s">
        <v>650</v>
      </c>
      <c r="B21" t="s">
        <v>159</v>
      </c>
      <c r="C21" s="1" t="s">
        <v>651</v>
      </c>
    </row>
    <row r="22" spans="1:4" ht="26.1">
      <c r="A22" s="2" t="s">
        <v>652</v>
      </c>
      <c r="C22" s="1" t="s">
        <v>653</v>
      </c>
    </row>
    <row r="23" spans="1:4">
      <c r="A23" s="3" t="s">
        <v>654</v>
      </c>
      <c r="B23" t="s">
        <v>7</v>
      </c>
      <c r="C23" s="1" t="s">
        <v>655</v>
      </c>
    </row>
    <row r="24" spans="1:4" ht="26.1">
      <c r="C24" s="2" t="s">
        <v>656</v>
      </c>
      <c r="D24" s="1" t="s">
        <v>657</v>
      </c>
    </row>
    <row r="25" spans="1:4">
      <c r="C25" s="1" t="s">
        <v>429</v>
      </c>
      <c r="D25" t="s">
        <v>307</v>
      </c>
    </row>
    <row r="26" spans="1:4">
      <c r="C26" s="1" t="s">
        <v>152</v>
      </c>
      <c r="D26" t="s">
        <v>153</v>
      </c>
    </row>
    <row r="27" spans="1:4">
      <c r="C27" s="1" t="s">
        <v>658</v>
      </c>
      <c r="D27" t="s">
        <v>659</v>
      </c>
    </row>
    <row r="28" spans="1:4">
      <c r="B28" t="s">
        <v>159</v>
      </c>
      <c r="C28" s="1" t="s">
        <v>660</v>
      </c>
    </row>
    <row r="29" spans="1:4">
      <c r="A29" s="1" t="s">
        <v>661</v>
      </c>
      <c r="B29" t="s">
        <v>159</v>
      </c>
      <c r="C29" s="1" t="s">
        <v>662</v>
      </c>
    </row>
    <row r="30" spans="1:4" ht="26.1">
      <c r="A30" s="2" t="s">
        <v>663</v>
      </c>
      <c r="B30" t="s">
        <v>159</v>
      </c>
      <c r="C30" s="1" t="s">
        <v>664</v>
      </c>
    </row>
    <row r="31" spans="1:4">
      <c r="A31" s="1" t="s">
        <v>665</v>
      </c>
      <c r="B31" t="s">
        <v>159</v>
      </c>
      <c r="C31" s="1" t="s">
        <v>666</v>
      </c>
    </row>
    <row r="32" spans="1:4" ht="26.1">
      <c r="A32" s="2" t="s">
        <v>667</v>
      </c>
      <c r="B32" t="s">
        <v>159</v>
      </c>
      <c r="C32" s="1" t="s">
        <v>668</v>
      </c>
    </row>
    <row r="33" spans="1:3">
      <c r="A33" s="1" t="s">
        <v>669</v>
      </c>
      <c r="B33" t="s">
        <v>159</v>
      </c>
      <c r="C33" s="1" t="s">
        <v>670</v>
      </c>
    </row>
    <row r="34" spans="1:3">
      <c r="A34" s="1" t="s">
        <v>671</v>
      </c>
      <c r="B34" t="s">
        <v>159</v>
      </c>
      <c r="C34" s="1" t="s">
        <v>672</v>
      </c>
    </row>
  </sheetData>
  <mergeCells count="1">
    <mergeCell ref="A1:F1"/>
  </mergeCells>
  <pageMargins left="0.7" right="0.7" top="0.75" bottom="0.75" header="0.3" footer="0.3"/>
  <pageSetup orientation="portrait" horizontalDpi="300" verticalDpi="0" copies="0"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2E8142-0098-40AD-98AC-5A4F398DBC42}">
  <dimension ref="A1:S36"/>
  <sheetViews>
    <sheetView workbookViewId="0">
      <selection activeCell="C6" sqref="C6"/>
    </sheetView>
  </sheetViews>
  <sheetFormatPr defaultRowHeight="14.45"/>
  <cols>
    <col min="1" max="1" width="36.85546875" customWidth="1"/>
    <col min="2" max="2" width="18.140625" customWidth="1"/>
    <col min="3" max="3" width="58.28515625" customWidth="1"/>
    <col min="4" max="4" width="18.28515625" customWidth="1"/>
  </cols>
  <sheetData>
    <row r="1" spans="1:6" ht="18.600000000000001">
      <c r="A1" s="73" t="s">
        <v>673</v>
      </c>
      <c r="B1" s="73"/>
      <c r="C1" s="73"/>
      <c r="D1" s="73"/>
      <c r="E1" s="73"/>
      <c r="F1" s="73"/>
    </row>
    <row r="2" spans="1:6">
      <c r="A2" s="6" t="s">
        <v>1</v>
      </c>
      <c r="B2" s="6" t="s">
        <v>2</v>
      </c>
      <c r="C2" s="6" t="s">
        <v>3</v>
      </c>
      <c r="D2" s="6" t="s">
        <v>4</v>
      </c>
    </row>
    <row r="3" spans="1:6">
      <c r="A3" s="1" t="s">
        <v>674</v>
      </c>
      <c r="B3" t="s">
        <v>159</v>
      </c>
      <c r="C3" s="1" t="s">
        <v>675</v>
      </c>
    </row>
    <row r="4" spans="1:6">
      <c r="B4" t="s">
        <v>676</v>
      </c>
      <c r="C4" s="1" t="s">
        <v>677</v>
      </c>
    </row>
    <row r="5" spans="1:6" ht="38.450000000000003">
      <c r="A5" s="2" t="s">
        <v>678</v>
      </c>
      <c r="B5" t="s">
        <v>679</v>
      </c>
      <c r="C5" s="1" t="s">
        <v>680</v>
      </c>
    </row>
    <row r="6" spans="1:6" ht="38.450000000000003">
      <c r="A6" s="2" t="s">
        <v>681</v>
      </c>
      <c r="B6" t="s">
        <v>172</v>
      </c>
      <c r="C6" s="1" t="s">
        <v>682</v>
      </c>
    </row>
    <row r="7" spans="1:6" ht="51">
      <c r="A7" s="2" t="s">
        <v>683</v>
      </c>
      <c r="B7" t="s">
        <v>172</v>
      </c>
      <c r="C7" s="1" t="s">
        <v>684</v>
      </c>
    </row>
    <row r="8" spans="1:6" ht="26.1">
      <c r="A8" s="2" t="s">
        <v>685</v>
      </c>
      <c r="B8" t="s">
        <v>159</v>
      </c>
      <c r="C8" s="2" t="s">
        <v>686</v>
      </c>
    </row>
    <row r="9" spans="1:6" ht="38.450000000000003">
      <c r="A9" s="2" t="s">
        <v>687</v>
      </c>
      <c r="B9" t="s">
        <v>159</v>
      </c>
      <c r="C9" s="1" t="s">
        <v>688</v>
      </c>
    </row>
    <row r="10" spans="1:6" ht="38.450000000000003">
      <c r="A10" s="2" t="s">
        <v>689</v>
      </c>
      <c r="B10" t="s">
        <v>159</v>
      </c>
      <c r="C10" s="1" t="s">
        <v>690</v>
      </c>
    </row>
    <row r="11" spans="1:6">
      <c r="A11" s="1" t="s">
        <v>691</v>
      </c>
      <c r="B11" t="s">
        <v>159</v>
      </c>
      <c r="C11" s="1" t="s">
        <v>692</v>
      </c>
    </row>
    <row r="12" spans="1:6" ht="37.5">
      <c r="A12" s="4" t="s">
        <v>693</v>
      </c>
      <c r="B12" t="s">
        <v>159</v>
      </c>
      <c r="C12" s="1" t="s">
        <v>694</v>
      </c>
    </row>
    <row r="13" spans="1:6">
      <c r="A13" s="3" t="s">
        <v>695</v>
      </c>
      <c r="B13" t="s">
        <v>159</v>
      </c>
      <c r="C13" s="1" t="s">
        <v>696</v>
      </c>
    </row>
    <row r="14" spans="1:6" ht="51">
      <c r="A14" s="2" t="s">
        <v>697</v>
      </c>
      <c r="B14" t="s">
        <v>159</v>
      </c>
      <c r="C14" s="1" t="s">
        <v>698</v>
      </c>
    </row>
    <row r="15" spans="1:6">
      <c r="A15" s="1" t="s">
        <v>699</v>
      </c>
      <c r="B15" t="s">
        <v>159</v>
      </c>
      <c r="C15" s="1" t="s">
        <v>700</v>
      </c>
    </row>
    <row r="16" spans="1:6">
      <c r="A16" s="1" t="s">
        <v>701</v>
      </c>
      <c r="B16" t="s">
        <v>159</v>
      </c>
      <c r="C16" s="1" t="s">
        <v>702</v>
      </c>
    </row>
    <row r="17" spans="1:19" ht="38.450000000000003">
      <c r="A17" s="2" t="s">
        <v>703</v>
      </c>
      <c r="B17" t="s">
        <v>159</v>
      </c>
      <c r="C17" s="1" t="s">
        <v>704</v>
      </c>
    </row>
    <row r="18" spans="1:19" ht="63.6">
      <c r="A18" s="2" t="s">
        <v>705</v>
      </c>
      <c r="B18" t="s">
        <v>159</v>
      </c>
      <c r="C18" s="1" t="s">
        <v>706</v>
      </c>
    </row>
    <row r="19" spans="1:19" ht="26.1">
      <c r="A19" s="2" t="s">
        <v>707</v>
      </c>
      <c r="B19" t="s">
        <v>159</v>
      </c>
      <c r="C19" s="2" t="s">
        <v>708</v>
      </c>
    </row>
    <row r="20" spans="1:19" ht="26.1">
      <c r="A20" s="2" t="s">
        <v>709</v>
      </c>
      <c r="B20" t="s">
        <v>159</v>
      </c>
      <c r="C20" s="1" t="s">
        <v>710</v>
      </c>
    </row>
    <row r="21" spans="1:19" ht="26.1">
      <c r="A21" s="2" t="s">
        <v>711</v>
      </c>
      <c r="B21" t="s">
        <v>159</v>
      </c>
      <c r="C21" s="1" t="s">
        <v>712</v>
      </c>
    </row>
    <row r="22" spans="1:19" ht="26.1">
      <c r="A22" s="2" t="s">
        <v>713</v>
      </c>
      <c r="B22" t="s">
        <v>159</v>
      </c>
      <c r="C22" s="1" t="s">
        <v>714</v>
      </c>
    </row>
    <row r="24" spans="1:19" ht="48.75" customHeight="1">
      <c r="A24" s="7" t="s">
        <v>715</v>
      </c>
      <c r="B24" t="s">
        <v>176</v>
      </c>
      <c r="C24" t="s">
        <v>716</v>
      </c>
    </row>
    <row r="26" spans="1:19">
      <c r="A26" t="s">
        <v>717</v>
      </c>
      <c r="B26" t="s">
        <v>354</v>
      </c>
      <c r="C26" t="s">
        <v>718</v>
      </c>
    </row>
    <row r="28" spans="1:19">
      <c r="A28" t="s">
        <v>717</v>
      </c>
      <c r="B28" t="s">
        <v>354</v>
      </c>
      <c r="C28" t="s">
        <v>719</v>
      </c>
    </row>
    <row r="30" spans="1:19">
      <c r="A30" t="s">
        <v>720</v>
      </c>
      <c r="B30" t="s">
        <v>354</v>
      </c>
      <c r="C30" t="s">
        <v>721</v>
      </c>
    </row>
    <row r="31" spans="1:19" ht="14.45" customHeight="1">
      <c r="F31" s="59" t="s">
        <v>722</v>
      </c>
      <c r="G31" s="59"/>
      <c r="H31" s="59"/>
      <c r="Q31" s="129" t="s">
        <v>723</v>
      </c>
      <c r="R31" s="129"/>
      <c r="S31" s="129"/>
    </row>
    <row r="32" spans="1:19">
      <c r="A32" t="s">
        <v>720</v>
      </c>
      <c r="B32" t="s">
        <v>354</v>
      </c>
      <c r="C32" t="s">
        <v>724</v>
      </c>
    </row>
    <row r="34" spans="1:3" ht="48" customHeight="1">
      <c r="A34" s="7" t="s">
        <v>725</v>
      </c>
      <c r="B34" t="s">
        <v>176</v>
      </c>
      <c r="C34" t="s">
        <v>726</v>
      </c>
    </row>
    <row r="36" spans="1:3" ht="57.95">
      <c r="A36" s="7" t="s">
        <v>727</v>
      </c>
      <c r="B36" t="s">
        <v>176</v>
      </c>
      <c r="C36" t="s">
        <v>728</v>
      </c>
    </row>
  </sheetData>
  <mergeCells count="2">
    <mergeCell ref="A1:F1"/>
    <mergeCell ref="Q31:S31"/>
  </mergeCells>
  <pageMargins left="0.7" right="0.7" top="0.75" bottom="0.75" header="0.3" footer="0.3"/>
  <pageSetup orientation="portrait" horizontalDpi="300" verticalDpi="0" copies="0"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5CB597-3B30-41AA-8767-FDF3C823CB7B}">
  <dimension ref="A1:F201"/>
  <sheetViews>
    <sheetView topLeftCell="B34" workbookViewId="0">
      <selection activeCell="B34" sqref="B34"/>
    </sheetView>
  </sheetViews>
  <sheetFormatPr defaultRowHeight="14.45"/>
  <cols>
    <col min="1" max="1" width="28.28515625" customWidth="1"/>
    <col min="2" max="2" width="16.7109375" customWidth="1"/>
    <col min="3" max="3" width="48.140625" customWidth="1"/>
    <col min="4" max="4" width="29.7109375" customWidth="1"/>
  </cols>
  <sheetData>
    <row r="1" spans="1:6" ht="18.600000000000001">
      <c r="A1" s="73" t="s">
        <v>729</v>
      </c>
      <c r="B1" s="73"/>
      <c r="C1" s="73"/>
      <c r="D1" s="73"/>
      <c r="E1" s="73"/>
      <c r="F1" s="73"/>
    </row>
    <row r="2" spans="1:6">
      <c r="A2" s="6" t="s">
        <v>1</v>
      </c>
      <c r="B2" s="6" t="s">
        <v>2</v>
      </c>
      <c r="C2" s="6" t="s">
        <v>3</v>
      </c>
      <c r="D2" s="6" t="s">
        <v>4</v>
      </c>
    </row>
    <row r="3" spans="1:6">
      <c r="A3" s="3" t="s">
        <v>730</v>
      </c>
      <c r="B3" s="3" t="s">
        <v>176</v>
      </c>
      <c r="C3" s="3" t="s">
        <v>731</v>
      </c>
    </row>
    <row r="4" spans="1:6">
      <c r="A4" s="3" t="s">
        <v>732</v>
      </c>
      <c r="B4" s="3" t="s">
        <v>176</v>
      </c>
      <c r="C4" s="3" t="s">
        <v>733</v>
      </c>
    </row>
    <row r="5" spans="1:6">
      <c r="A5" s="3" t="s">
        <v>734</v>
      </c>
      <c r="B5" s="3" t="s">
        <v>176</v>
      </c>
      <c r="C5" s="3" t="s">
        <v>735</v>
      </c>
    </row>
    <row r="6" spans="1:6">
      <c r="A6" s="3" t="s">
        <v>732</v>
      </c>
      <c r="B6" s="3" t="s">
        <v>176</v>
      </c>
      <c r="C6" s="3" t="s">
        <v>736</v>
      </c>
    </row>
    <row r="7" spans="1:6" ht="37.5">
      <c r="A7" s="4" t="s">
        <v>440</v>
      </c>
      <c r="B7" s="3" t="s">
        <v>176</v>
      </c>
      <c r="C7" s="3" t="s">
        <v>737</v>
      </c>
    </row>
    <row r="8" spans="1:6" ht="24.95">
      <c r="A8" s="4" t="s">
        <v>738</v>
      </c>
      <c r="B8" s="3" t="s">
        <v>7</v>
      </c>
      <c r="C8" s="3" t="s">
        <v>739</v>
      </c>
    </row>
    <row r="9" spans="1:6">
      <c r="C9" s="3" t="s">
        <v>740</v>
      </c>
      <c r="D9" s="3" t="s">
        <v>740</v>
      </c>
    </row>
    <row r="10" spans="1:6">
      <c r="C10" s="5" t="s">
        <v>741</v>
      </c>
      <c r="D10" s="5" t="s">
        <v>741</v>
      </c>
      <c r="E10" s="3"/>
    </row>
    <row r="11" spans="1:6">
      <c r="C11" s="5" t="s">
        <v>742</v>
      </c>
      <c r="D11" s="5" t="s">
        <v>742</v>
      </c>
      <c r="E11" s="3"/>
    </row>
    <row r="12" spans="1:6">
      <c r="C12" s="3" t="s">
        <v>743</v>
      </c>
      <c r="D12" s="3" t="s">
        <v>743</v>
      </c>
      <c r="E12" s="3"/>
    </row>
    <row r="13" spans="1:6">
      <c r="C13" s="3" t="s">
        <v>744</v>
      </c>
      <c r="D13" s="3" t="s">
        <v>744</v>
      </c>
      <c r="E13" s="3"/>
    </row>
    <row r="14" spans="1:6">
      <c r="C14" s="3" t="s">
        <v>745</v>
      </c>
      <c r="D14" s="3" t="s">
        <v>745</v>
      </c>
      <c r="E14" s="3"/>
    </row>
    <row r="15" spans="1:6">
      <c r="C15" s="3" t="s">
        <v>746</v>
      </c>
      <c r="D15" s="3" t="s">
        <v>746</v>
      </c>
      <c r="E15" s="3"/>
    </row>
    <row r="16" spans="1:6">
      <c r="C16" s="3" t="s">
        <v>747</v>
      </c>
      <c r="D16" s="3" t="s">
        <v>747</v>
      </c>
      <c r="E16" s="3"/>
    </row>
    <row r="17" spans="3:4">
      <c r="C17" s="3" t="s">
        <v>748</v>
      </c>
      <c r="D17" s="3" t="s">
        <v>748</v>
      </c>
    </row>
    <row r="18" spans="3:4">
      <c r="C18" s="3" t="s">
        <v>749</v>
      </c>
      <c r="D18" s="3" t="s">
        <v>749</v>
      </c>
    </row>
    <row r="19" spans="3:4">
      <c r="C19" s="3" t="s">
        <v>750</v>
      </c>
      <c r="D19" s="3" t="s">
        <v>750</v>
      </c>
    </row>
    <row r="20" spans="3:4">
      <c r="C20" s="3" t="s">
        <v>751</v>
      </c>
      <c r="D20" s="3" t="s">
        <v>751</v>
      </c>
    </row>
    <row r="21" spans="3:4">
      <c r="C21" s="3" t="s">
        <v>752</v>
      </c>
      <c r="D21" s="3" t="s">
        <v>752</v>
      </c>
    </row>
    <row r="22" spans="3:4">
      <c r="C22" s="3" t="s">
        <v>753</v>
      </c>
      <c r="D22" s="3" t="s">
        <v>753</v>
      </c>
    </row>
    <row r="23" spans="3:4">
      <c r="C23" s="3" t="s">
        <v>754</v>
      </c>
      <c r="D23" s="3" t="s">
        <v>754</v>
      </c>
    </row>
    <row r="24" spans="3:4">
      <c r="C24" s="3" t="s">
        <v>755</v>
      </c>
      <c r="D24" s="3" t="s">
        <v>755</v>
      </c>
    </row>
    <row r="25" spans="3:4">
      <c r="C25" s="3" t="s">
        <v>756</v>
      </c>
      <c r="D25" s="3" t="s">
        <v>756</v>
      </c>
    </row>
    <row r="26" spans="3:4">
      <c r="C26" s="3" t="s">
        <v>757</v>
      </c>
      <c r="D26" s="3" t="s">
        <v>757</v>
      </c>
    </row>
    <row r="27" spans="3:4">
      <c r="C27" s="3" t="s">
        <v>758</v>
      </c>
      <c r="D27" s="3" t="s">
        <v>758</v>
      </c>
    </row>
    <row r="28" spans="3:4">
      <c r="C28" s="3" t="s">
        <v>759</v>
      </c>
      <c r="D28" s="3" t="s">
        <v>759</v>
      </c>
    </row>
    <row r="29" spans="3:4">
      <c r="C29" s="3" t="s">
        <v>760</v>
      </c>
      <c r="D29" s="3" t="s">
        <v>760</v>
      </c>
    </row>
    <row r="30" spans="3:4">
      <c r="C30" s="3" t="s">
        <v>761</v>
      </c>
      <c r="D30" s="3" t="s">
        <v>761</v>
      </c>
    </row>
    <row r="31" spans="3:4">
      <c r="C31" s="3" t="s">
        <v>762</v>
      </c>
      <c r="D31" s="3" t="s">
        <v>762</v>
      </c>
    </row>
    <row r="32" spans="3:4">
      <c r="C32" s="3" t="s">
        <v>763</v>
      </c>
      <c r="D32" s="3" t="s">
        <v>763</v>
      </c>
    </row>
    <row r="33" spans="3:4">
      <c r="C33" s="3" t="s">
        <v>764</v>
      </c>
      <c r="D33" s="3" t="s">
        <v>764</v>
      </c>
    </row>
    <row r="34" spans="3:4">
      <c r="C34" s="3" t="s">
        <v>765</v>
      </c>
      <c r="D34" s="3" t="s">
        <v>765</v>
      </c>
    </row>
    <row r="35" spans="3:4">
      <c r="C35" s="3" t="s">
        <v>766</v>
      </c>
      <c r="D35" s="3" t="s">
        <v>766</v>
      </c>
    </row>
    <row r="36" spans="3:4">
      <c r="C36" s="3" t="s">
        <v>767</v>
      </c>
      <c r="D36" s="3" t="s">
        <v>767</v>
      </c>
    </row>
    <row r="37" spans="3:4">
      <c r="C37" s="3" t="s">
        <v>768</v>
      </c>
      <c r="D37" s="3" t="s">
        <v>768</v>
      </c>
    </row>
    <row r="38" spans="3:4">
      <c r="C38" s="3" t="s">
        <v>769</v>
      </c>
      <c r="D38" s="3" t="s">
        <v>769</v>
      </c>
    </row>
    <row r="39" spans="3:4">
      <c r="C39" s="3" t="s">
        <v>770</v>
      </c>
      <c r="D39" s="3" t="s">
        <v>770</v>
      </c>
    </row>
    <row r="40" spans="3:4">
      <c r="C40" s="3" t="s">
        <v>771</v>
      </c>
      <c r="D40" s="3" t="s">
        <v>771</v>
      </c>
    </row>
    <row r="41" spans="3:4">
      <c r="C41" s="3" t="s">
        <v>772</v>
      </c>
      <c r="D41" s="3" t="s">
        <v>772</v>
      </c>
    </row>
    <row r="42" spans="3:4">
      <c r="C42" s="3" t="s">
        <v>773</v>
      </c>
      <c r="D42" s="3" t="s">
        <v>773</v>
      </c>
    </row>
    <row r="43" spans="3:4">
      <c r="C43" s="3" t="s">
        <v>774</v>
      </c>
      <c r="D43" s="3" t="s">
        <v>774</v>
      </c>
    </row>
    <row r="44" spans="3:4">
      <c r="C44" s="3" t="s">
        <v>775</v>
      </c>
      <c r="D44" s="3" t="s">
        <v>775</v>
      </c>
    </row>
    <row r="45" spans="3:4">
      <c r="C45" s="3" t="s">
        <v>776</v>
      </c>
      <c r="D45" s="3" t="s">
        <v>776</v>
      </c>
    </row>
    <row r="46" spans="3:4">
      <c r="C46" s="3" t="s">
        <v>777</v>
      </c>
      <c r="D46" s="3" t="s">
        <v>777</v>
      </c>
    </row>
    <row r="47" spans="3:4">
      <c r="C47" s="3" t="s">
        <v>778</v>
      </c>
      <c r="D47" s="3" t="s">
        <v>778</v>
      </c>
    </row>
    <row r="48" spans="3:4">
      <c r="C48" s="3" t="s">
        <v>779</v>
      </c>
      <c r="D48" s="3" t="s">
        <v>779</v>
      </c>
    </row>
    <row r="49" spans="3:4">
      <c r="C49" s="3" t="s">
        <v>780</v>
      </c>
      <c r="D49" s="3" t="s">
        <v>780</v>
      </c>
    </row>
    <row r="50" spans="3:4">
      <c r="C50" s="3" t="s">
        <v>781</v>
      </c>
      <c r="D50" s="3" t="s">
        <v>781</v>
      </c>
    </row>
    <row r="51" spans="3:4">
      <c r="C51" s="3" t="s">
        <v>782</v>
      </c>
      <c r="D51" s="3" t="s">
        <v>782</v>
      </c>
    </row>
    <row r="52" spans="3:4">
      <c r="C52" s="3" t="s">
        <v>783</v>
      </c>
      <c r="D52" s="3" t="s">
        <v>783</v>
      </c>
    </row>
    <row r="53" spans="3:4">
      <c r="C53" s="3" t="s">
        <v>784</v>
      </c>
      <c r="D53" s="3" t="s">
        <v>784</v>
      </c>
    </row>
    <row r="54" spans="3:4">
      <c r="C54" s="3" t="s">
        <v>785</v>
      </c>
      <c r="D54" s="3" t="s">
        <v>785</v>
      </c>
    </row>
    <row r="55" spans="3:4">
      <c r="C55" s="3" t="s">
        <v>786</v>
      </c>
      <c r="D55" s="3" t="s">
        <v>786</v>
      </c>
    </row>
    <row r="56" spans="3:4">
      <c r="C56" s="3" t="s">
        <v>787</v>
      </c>
      <c r="D56" s="3" t="s">
        <v>787</v>
      </c>
    </row>
    <row r="57" spans="3:4">
      <c r="C57" s="3" t="s">
        <v>788</v>
      </c>
      <c r="D57" s="3" t="s">
        <v>788</v>
      </c>
    </row>
    <row r="58" spans="3:4">
      <c r="C58" s="3" t="s">
        <v>789</v>
      </c>
      <c r="D58" s="3" t="s">
        <v>789</v>
      </c>
    </row>
    <row r="59" spans="3:4">
      <c r="C59" s="3" t="s">
        <v>790</v>
      </c>
      <c r="D59" s="3" t="s">
        <v>790</v>
      </c>
    </row>
    <row r="60" spans="3:4">
      <c r="C60" s="3" t="s">
        <v>791</v>
      </c>
      <c r="D60" s="3" t="s">
        <v>791</v>
      </c>
    </row>
    <row r="61" spans="3:4">
      <c r="C61" s="3" t="s">
        <v>792</v>
      </c>
      <c r="D61" s="3" t="s">
        <v>792</v>
      </c>
    </row>
    <row r="62" spans="3:4">
      <c r="C62" s="3" t="s">
        <v>793</v>
      </c>
      <c r="D62" s="3" t="s">
        <v>793</v>
      </c>
    </row>
    <row r="63" spans="3:4">
      <c r="C63" s="3" t="s">
        <v>794</v>
      </c>
      <c r="D63" s="3" t="s">
        <v>794</v>
      </c>
    </row>
    <row r="64" spans="3:4">
      <c r="C64" s="3" t="s">
        <v>795</v>
      </c>
      <c r="D64" s="3" t="s">
        <v>795</v>
      </c>
    </row>
    <row r="65" spans="3:4">
      <c r="C65" s="3" t="s">
        <v>796</v>
      </c>
      <c r="D65" s="3" t="s">
        <v>796</v>
      </c>
    </row>
    <row r="66" spans="3:4">
      <c r="C66" s="3" t="s">
        <v>797</v>
      </c>
      <c r="D66" s="3" t="s">
        <v>797</v>
      </c>
    </row>
    <row r="67" spans="3:4">
      <c r="C67" s="3" t="s">
        <v>798</v>
      </c>
      <c r="D67" s="3" t="s">
        <v>798</v>
      </c>
    </row>
    <row r="68" spans="3:4">
      <c r="C68" s="3" t="s">
        <v>799</v>
      </c>
      <c r="D68" s="3" t="s">
        <v>799</v>
      </c>
    </row>
    <row r="69" spans="3:4">
      <c r="C69" s="3" t="s">
        <v>800</v>
      </c>
      <c r="D69" s="3" t="s">
        <v>800</v>
      </c>
    </row>
    <row r="70" spans="3:4">
      <c r="C70" s="3" t="s">
        <v>801</v>
      </c>
      <c r="D70" s="3" t="s">
        <v>801</v>
      </c>
    </row>
    <row r="71" spans="3:4">
      <c r="C71" s="3" t="s">
        <v>802</v>
      </c>
      <c r="D71" s="3" t="s">
        <v>802</v>
      </c>
    </row>
    <row r="72" spans="3:4">
      <c r="C72" s="3" t="s">
        <v>803</v>
      </c>
      <c r="D72" s="3" t="s">
        <v>803</v>
      </c>
    </row>
    <row r="73" spans="3:4">
      <c r="C73" s="3" t="s">
        <v>804</v>
      </c>
      <c r="D73" s="3" t="s">
        <v>804</v>
      </c>
    </row>
    <row r="74" spans="3:4">
      <c r="C74" s="3" t="s">
        <v>805</v>
      </c>
      <c r="D74" s="3" t="s">
        <v>805</v>
      </c>
    </row>
    <row r="75" spans="3:4">
      <c r="C75" s="3" t="s">
        <v>806</v>
      </c>
      <c r="D75" s="3" t="s">
        <v>806</v>
      </c>
    </row>
    <row r="76" spans="3:4">
      <c r="C76" s="3" t="s">
        <v>807</v>
      </c>
      <c r="D76" s="3" t="s">
        <v>807</v>
      </c>
    </row>
    <row r="77" spans="3:4">
      <c r="C77" s="3" t="s">
        <v>808</v>
      </c>
      <c r="D77" s="3" t="s">
        <v>808</v>
      </c>
    </row>
    <row r="78" spans="3:4">
      <c r="C78" s="3" t="s">
        <v>809</v>
      </c>
      <c r="D78" s="3" t="s">
        <v>809</v>
      </c>
    </row>
    <row r="79" spans="3:4">
      <c r="C79" s="3" t="s">
        <v>810</v>
      </c>
      <c r="D79" s="3" t="s">
        <v>810</v>
      </c>
    </row>
    <row r="80" spans="3:4">
      <c r="C80" s="3" t="s">
        <v>811</v>
      </c>
      <c r="D80" s="3" t="s">
        <v>811</v>
      </c>
    </row>
    <row r="81" spans="3:4">
      <c r="C81" s="3" t="s">
        <v>812</v>
      </c>
      <c r="D81" s="3" t="s">
        <v>812</v>
      </c>
    </row>
    <row r="82" spans="3:4">
      <c r="C82" s="3" t="s">
        <v>813</v>
      </c>
      <c r="D82" s="3" t="s">
        <v>813</v>
      </c>
    </row>
    <row r="83" spans="3:4">
      <c r="C83" s="3" t="s">
        <v>814</v>
      </c>
      <c r="D83" s="3" t="s">
        <v>814</v>
      </c>
    </row>
    <row r="84" spans="3:4">
      <c r="C84" s="3" t="s">
        <v>815</v>
      </c>
      <c r="D84" s="3" t="s">
        <v>815</v>
      </c>
    </row>
    <row r="85" spans="3:4">
      <c r="C85" s="3" t="s">
        <v>816</v>
      </c>
      <c r="D85" s="3" t="s">
        <v>816</v>
      </c>
    </row>
    <row r="86" spans="3:4">
      <c r="C86" s="3" t="s">
        <v>817</v>
      </c>
      <c r="D86" s="3" t="s">
        <v>817</v>
      </c>
    </row>
    <row r="87" spans="3:4">
      <c r="C87" s="3" t="s">
        <v>818</v>
      </c>
      <c r="D87" s="3" t="s">
        <v>818</v>
      </c>
    </row>
    <row r="88" spans="3:4">
      <c r="C88" s="3" t="s">
        <v>819</v>
      </c>
      <c r="D88" s="3" t="s">
        <v>819</v>
      </c>
    </row>
    <row r="89" spans="3:4">
      <c r="C89" s="3" t="s">
        <v>820</v>
      </c>
      <c r="D89" s="3" t="s">
        <v>820</v>
      </c>
    </row>
    <row r="90" spans="3:4">
      <c r="C90" s="3" t="s">
        <v>821</v>
      </c>
      <c r="D90" s="3" t="s">
        <v>821</v>
      </c>
    </row>
    <row r="91" spans="3:4">
      <c r="C91" s="3" t="s">
        <v>822</v>
      </c>
      <c r="D91" s="3" t="s">
        <v>822</v>
      </c>
    </row>
    <row r="92" spans="3:4">
      <c r="C92" s="3" t="s">
        <v>823</v>
      </c>
      <c r="D92" s="3" t="s">
        <v>823</v>
      </c>
    </row>
    <row r="93" spans="3:4">
      <c r="C93" s="3" t="s">
        <v>824</v>
      </c>
      <c r="D93" s="3" t="s">
        <v>824</v>
      </c>
    </row>
    <row r="94" spans="3:4">
      <c r="C94" s="3" t="s">
        <v>825</v>
      </c>
      <c r="D94" s="3" t="s">
        <v>825</v>
      </c>
    </row>
    <row r="95" spans="3:4">
      <c r="C95" s="3" t="s">
        <v>826</v>
      </c>
      <c r="D95" s="3" t="s">
        <v>826</v>
      </c>
    </row>
    <row r="96" spans="3:4">
      <c r="C96" s="3" t="s">
        <v>827</v>
      </c>
      <c r="D96" s="3" t="s">
        <v>827</v>
      </c>
    </row>
    <row r="97" spans="1:4">
      <c r="C97" s="3" t="s">
        <v>828</v>
      </c>
      <c r="D97" s="3" t="s">
        <v>828</v>
      </c>
    </row>
    <row r="98" spans="1:4">
      <c r="C98" s="3" t="s">
        <v>829</v>
      </c>
      <c r="D98" s="3" t="s">
        <v>829</v>
      </c>
    </row>
    <row r="99" spans="1:4">
      <c r="C99" s="3" t="s">
        <v>830</v>
      </c>
      <c r="D99" s="3" t="s">
        <v>830</v>
      </c>
    </row>
    <row r="100" spans="1:4">
      <c r="C100" s="3" t="s">
        <v>831</v>
      </c>
      <c r="D100" s="3" t="s">
        <v>831</v>
      </c>
    </row>
    <row r="101" spans="1:4" ht="24.95">
      <c r="A101" s="4" t="s">
        <v>832</v>
      </c>
      <c r="B101" s="3" t="s">
        <v>7</v>
      </c>
      <c r="C101" s="3" t="s">
        <v>833</v>
      </c>
    </row>
    <row r="102" spans="1:4">
      <c r="C102" s="3" t="s">
        <v>740</v>
      </c>
      <c r="D102" s="3" t="s">
        <v>740</v>
      </c>
    </row>
    <row r="103" spans="1:4">
      <c r="C103" s="5" t="s">
        <v>741</v>
      </c>
      <c r="D103" s="5" t="s">
        <v>741</v>
      </c>
    </row>
    <row r="104" spans="1:4">
      <c r="C104" s="5" t="s">
        <v>742</v>
      </c>
      <c r="D104" s="5" t="s">
        <v>742</v>
      </c>
    </row>
    <row r="105" spans="1:4">
      <c r="C105" s="3" t="s">
        <v>743</v>
      </c>
      <c r="D105" s="3" t="s">
        <v>743</v>
      </c>
    </row>
    <row r="106" spans="1:4">
      <c r="C106" s="3" t="s">
        <v>744</v>
      </c>
      <c r="D106" s="3" t="s">
        <v>744</v>
      </c>
    </row>
    <row r="107" spans="1:4">
      <c r="C107" s="3" t="s">
        <v>745</v>
      </c>
      <c r="D107" s="3" t="s">
        <v>745</v>
      </c>
    </row>
    <row r="108" spans="1:4">
      <c r="C108" s="3" t="s">
        <v>746</v>
      </c>
      <c r="D108" s="3" t="s">
        <v>746</v>
      </c>
    </row>
    <row r="109" spans="1:4">
      <c r="C109" s="3" t="s">
        <v>747</v>
      </c>
      <c r="D109" s="3" t="s">
        <v>747</v>
      </c>
    </row>
    <row r="110" spans="1:4">
      <c r="C110" s="3" t="s">
        <v>748</v>
      </c>
      <c r="D110" s="3" t="s">
        <v>748</v>
      </c>
    </row>
    <row r="111" spans="1:4">
      <c r="C111" s="3" t="s">
        <v>749</v>
      </c>
      <c r="D111" s="3" t="s">
        <v>749</v>
      </c>
    </row>
    <row r="112" spans="1:4">
      <c r="C112" s="3" t="s">
        <v>750</v>
      </c>
      <c r="D112" s="3" t="s">
        <v>750</v>
      </c>
    </row>
    <row r="113" spans="3:4">
      <c r="C113" s="3" t="s">
        <v>751</v>
      </c>
      <c r="D113" s="3" t="s">
        <v>751</v>
      </c>
    </row>
    <row r="114" spans="3:4">
      <c r="C114" s="3" t="s">
        <v>752</v>
      </c>
      <c r="D114" s="3" t="s">
        <v>752</v>
      </c>
    </row>
    <row r="115" spans="3:4">
      <c r="C115" s="3" t="s">
        <v>753</v>
      </c>
      <c r="D115" s="3" t="s">
        <v>753</v>
      </c>
    </row>
    <row r="116" spans="3:4">
      <c r="C116" s="3" t="s">
        <v>754</v>
      </c>
      <c r="D116" s="3" t="s">
        <v>754</v>
      </c>
    </row>
    <row r="117" spans="3:4">
      <c r="C117" s="3" t="s">
        <v>755</v>
      </c>
      <c r="D117" s="3" t="s">
        <v>755</v>
      </c>
    </row>
    <row r="118" spans="3:4">
      <c r="C118" s="3" t="s">
        <v>756</v>
      </c>
      <c r="D118" s="3" t="s">
        <v>756</v>
      </c>
    </row>
    <row r="119" spans="3:4">
      <c r="C119" s="3" t="s">
        <v>757</v>
      </c>
      <c r="D119" s="3" t="s">
        <v>757</v>
      </c>
    </row>
    <row r="120" spans="3:4">
      <c r="C120" s="3" t="s">
        <v>758</v>
      </c>
      <c r="D120" s="3" t="s">
        <v>758</v>
      </c>
    </row>
    <row r="121" spans="3:4">
      <c r="C121" s="3" t="s">
        <v>759</v>
      </c>
      <c r="D121" s="3" t="s">
        <v>759</v>
      </c>
    </row>
    <row r="122" spans="3:4">
      <c r="C122" s="3" t="s">
        <v>760</v>
      </c>
      <c r="D122" s="3" t="s">
        <v>760</v>
      </c>
    </row>
    <row r="123" spans="3:4">
      <c r="C123" s="3" t="s">
        <v>761</v>
      </c>
      <c r="D123" s="3" t="s">
        <v>761</v>
      </c>
    </row>
    <row r="124" spans="3:4">
      <c r="C124" s="3" t="s">
        <v>762</v>
      </c>
      <c r="D124" s="3" t="s">
        <v>762</v>
      </c>
    </row>
    <row r="125" spans="3:4">
      <c r="C125" s="3" t="s">
        <v>763</v>
      </c>
      <c r="D125" s="3" t="s">
        <v>763</v>
      </c>
    </row>
    <row r="126" spans="3:4">
      <c r="C126" s="3" t="s">
        <v>764</v>
      </c>
      <c r="D126" s="3" t="s">
        <v>764</v>
      </c>
    </row>
    <row r="127" spans="3:4">
      <c r="C127" s="3" t="s">
        <v>765</v>
      </c>
      <c r="D127" s="3" t="s">
        <v>765</v>
      </c>
    </row>
    <row r="128" spans="3:4">
      <c r="C128" s="3" t="s">
        <v>766</v>
      </c>
      <c r="D128" s="3" t="s">
        <v>766</v>
      </c>
    </row>
    <row r="129" spans="3:4">
      <c r="C129" s="3" t="s">
        <v>767</v>
      </c>
      <c r="D129" s="3" t="s">
        <v>767</v>
      </c>
    </row>
    <row r="130" spans="3:4">
      <c r="C130" s="3" t="s">
        <v>768</v>
      </c>
      <c r="D130" s="3" t="s">
        <v>768</v>
      </c>
    </row>
    <row r="131" spans="3:4">
      <c r="C131" s="3" t="s">
        <v>769</v>
      </c>
      <c r="D131" s="3" t="s">
        <v>769</v>
      </c>
    </row>
    <row r="132" spans="3:4">
      <c r="C132" s="3" t="s">
        <v>770</v>
      </c>
      <c r="D132" s="3" t="s">
        <v>770</v>
      </c>
    </row>
    <row r="133" spans="3:4">
      <c r="C133" s="3" t="s">
        <v>771</v>
      </c>
      <c r="D133" s="3" t="s">
        <v>771</v>
      </c>
    </row>
    <row r="134" spans="3:4">
      <c r="C134" s="3" t="s">
        <v>772</v>
      </c>
      <c r="D134" s="3" t="s">
        <v>772</v>
      </c>
    </row>
    <row r="135" spans="3:4">
      <c r="C135" s="3" t="s">
        <v>773</v>
      </c>
      <c r="D135" s="3" t="s">
        <v>773</v>
      </c>
    </row>
    <row r="136" spans="3:4">
      <c r="C136" s="3" t="s">
        <v>774</v>
      </c>
      <c r="D136" s="3" t="s">
        <v>774</v>
      </c>
    </row>
    <row r="137" spans="3:4">
      <c r="C137" s="3" t="s">
        <v>775</v>
      </c>
      <c r="D137" s="3" t="s">
        <v>775</v>
      </c>
    </row>
    <row r="138" spans="3:4">
      <c r="C138" s="3" t="s">
        <v>776</v>
      </c>
      <c r="D138" s="3" t="s">
        <v>776</v>
      </c>
    </row>
    <row r="139" spans="3:4">
      <c r="C139" s="3" t="s">
        <v>777</v>
      </c>
      <c r="D139" s="3" t="s">
        <v>777</v>
      </c>
    </row>
    <row r="140" spans="3:4">
      <c r="C140" s="3" t="s">
        <v>778</v>
      </c>
      <c r="D140" s="3" t="s">
        <v>778</v>
      </c>
    </row>
    <row r="141" spans="3:4">
      <c r="C141" s="3" t="s">
        <v>779</v>
      </c>
      <c r="D141" s="3" t="s">
        <v>779</v>
      </c>
    </row>
    <row r="142" spans="3:4">
      <c r="C142" s="3" t="s">
        <v>780</v>
      </c>
      <c r="D142" s="3" t="s">
        <v>780</v>
      </c>
    </row>
    <row r="143" spans="3:4">
      <c r="C143" s="3" t="s">
        <v>781</v>
      </c>
      <c r="D143" s="3" t="s">
        <v>781</v>
      </c>
    </row>
    <row r="144" spans="3:4">
      <c r="C144" s="3" t="s">
        <v>782</v>
      </c>
      <c r="D144" s="3" t="s">
        <v>782</v>
      </c>
    </row>
    <row r="145" spans="3:4">
      <c r="C145" s="3" t="s">
        <v>783</v>
      </c>
      <c r="D145" s="3" t="s">
        <v>783</v>
      </c>
    </row>
    <row r="146" spans="3:4">
      <c r="C146" s="3" t="s">
        <v>784</v>
      </c>
      <c r="D146" s="3" t="s">
        <v>784</v>
      </c>
    </row>
    <row r="147" spans="3:4">
      <c r="C147" s="3" t="s">
        <v>785</v>
      </c>
      <c r="D147" s="3" t="s">
        <v>785</v>
      </c>
    </row>
    <row r="148" spans="3:4">
      <c r="C148" s="3" t="s">
        <v>786</v>
      </c>
      <c r="D148" s="3" t="s">
        <v>786</v>
      </c>
    </row>
    <row r="149" spans="3:4">
      <c r="C149" s="3" t="s">
        <v>787</v>
      </c>
      <c r="D149" s="3" t="s">
        <v>787</v>
      </c>
    </row>
    <row r="150" spans="3:4">
      <c r="C150" s="3" t="s">
        <v>788</v>
      </c>
      <c r="D150" s="3" t="s">
        <v>788</v>
      </c>
    </row>
    <row r="151" spans="3:4">
      <c r="C151" s="3" t="s">
        <v>789</v>
      </c>
      <c r="D151" s="3" t="s">
        <v>789</v>
      </c>
    </row>
    <row r="152" spans="3:4">
      <c r="C152" s="3" t="s">
        <v>790</v>
      </c>
      <c r="D152" s="3" t="s">
        <v>790</v>
      </c>
    </row>
    <row r="153" spans="3:4">
      <c r="C153" s="3" t="s">
        <v>791</v>
      </c>
      <c r="D153" s="3" t="s">
        <v>791</v>
      </c>
    </row>
    <row r="154" spans="3:4">
      <c r="C154" s="3" t="s">
        <v>792</v>
      </c>
      <c r="D154" s="3" t="s">
        <v>792</v>
      </c>
    </row>
    <row r="155" spans="3:4">
      <c r="C155" s="3" t="s">
        <v>793</v>
      </c>
      <c r="D155" s="3" t="s">
        <v>793</v>
      </c>
    </row>
    <row r="156" spans="3:4">
      <c r="C156" s="3" t="s">
        <v>794</v>
      </c>
      <c r="D156" s="3" t="s">
        <v>794</v>
      </c>
    </row>
    <row r="157" spans="3:4">
      <c r="C157" s="3" t="s">
        <v>795</v>
      </c>
      <c r="D157" s="3" t="s">
        <v>795</v>
      </c>
    </row>
    <row r="158" spans="3:4">
      <c r="C158" s="3" t="s">
        <v>796</v>
      </c>
      <c r="D158" s="3" t="s">
        <v>796</v>
      </c>
    </row>
    <row r="159" spans="3:4">
      <c r="C159" s="3" t="s">
        <v>797</v>
      </c>
      <c r="D159" s="3" t="s">
        <v>797</v>
      </c>
    </row>
    <row r="160" spans="3:4">
      <c r="C160" s="3" t="s">
        <v>798</v>
      </c>
      <c r="D160" s="3" t="s">
        <v>798</v>
      </c>
    </row>
    <row r="161" spans="3:4">
      <c r="C161" s="3" t="s">
        <v>799</v>
      </c>
      <c r="D161" s="3" t="s">
        <v>799</v>
      </c>
    </row>
    <row r="162" spans="3:4">
      <c r="C162" s="3" t="s">
        <v>800</v>
      </c>
      <c r="D162" s="3" t="s">
        <v>800</v>
      </c>
    </row>
    <row r="163" spans="3:4">
      <c r="C163" s="3" t="s">
        <v>801</v>
      </c>
      <c r="D163" s="3" t="s">
        <v>801</v>
      </c>
    </row>
    <row r="164" spans="3:4">
      <c r="C164" s="3" t="s">
        <v>802</v>
      </c>
      <c r="D164" s="3" t="s">
        <v>802</v>
      </c>
    </row>
    <row r="165" spans="3:4">
      <c r="C165" s="3" t="s">
        <v>803</v>
      </c>
      <c r="D165" s="3" t="s">
        <v>803</v>
      </c>
    </row>
    <row r="166" spans="3:4">
      <c r="C166" s="3" t="s">
        <v>804</v>
      </c>
      <c r="D166" s="3" t="s">
        <v>804</v>
      </c>
    </row>
    <row r="167" spans="3:4">
      <c r="C167" s="3" t="s">
        <v>805</v>
      </c>
      <c r="D167" s="3" t="s">
        <v>805</v>
      </c>
    </row>
    <row r="168" spans="3:4">
      <c r="C168" s="3" t="s">
        <v>806</v>
      </c>
      <c r="D168" s="3" t="s">
        <v>806</v>
      </c>
    </row>
    <row r="169" spans="3:4">
      <c r="C169" s="3" t="s">
        <v>807</v>
      </c>
      <c r="D169" s="3" t="s">
        <v>807</v>
      </c>
    </row>
    <row r="170" spans="3:4">
      <c r="C170" s="3" t="s">
        <v>808</v>
      </c>
      <c r="D170" s="3" t="s">
        <v>808</v>
      </c>
    </row>
    <row r="171" spans="3:4">
      <c r="C171" s="3" t="s">
        <v>809</v>
      </c>
      <c r="D171" s="3" t="s">
        <v>809</v>
      </c>
    </row>
    <row r="172" spans="3:4">
      <c r="C172" s="3" t="s">
        <v>810</v>
      </c>
      <c r="D172" s="3" t="s">
        <v>810</v>
      </c>
    </row>
    <row r="173" spans="3:4">
      <c r="C173" s="3" t="s">
        <v>811</v>
      </c>
      <c r="D173" s="3" t="s">
        <v>811</v>
      </c>
    </row>
    <row r="174" spans="3:4">
      <c r="C174" s="3" t="s">
        <v>812</v>
      </c>
      <c r="D174" s="3" t="s">
        <v>812</v>
      </c>
    </row>
    <row r="175" spans="3:4">
      <c r="C175" s="3" t="s">
        <v>813</v>
      </c>
      <c r="D175" s="3" t="s">
        <v>813</v>
      </c>
    </row>
    <row r="176" spans="3:4">
      <c r="C176" s="3" t="s">
        <v>814</v>
      </c>
      <c r="D176" s="3" t="s">
        <v>814</v>
      </c>
    </row>
    <row r="177" spans="3:4">
      <c r="C177" s="3" t="s">
        <v>815</v>
      </c>
      <c r="D177" s="3" t="s">
        <v>815</v>
      </c>
    </row>
    <row r="178" spans="3:4">
      <c r="C178" s="3" t="s">
        <v>816</v>
      </c>
      <c r="D178" s="3" t="s">
        <v>816</v>
      </c>
    </row>
    <row r="179" spans="3:4">
      <c r="C179" s="3" t="s">
        <v>817</v>
      </c>
      <c r="D179" s="3" t="s">
        <v>817</v>
      </c>
    </row>
    <row r="180" spans="3:4">
      <c r="C180" s="3" t="s">
        <v>818</v>
      </c>
      <c r="D180" s="3" t="s">
        <v>818</v>
      </c>
    </row>
    <row r="181" spans="3:4">
      <c r="C181" s="3" t="s">
        <v>819</v>
      </c>
      <c r="D181" s="3" t="s">
        <v>819</v>
      </c>
    </row>
    <row r="182" spans="3:4">
      <c r="C182" s="3" t="s">
        <v>820</v>
      </c>
      <c r="D182" s="3" t="s">
        <v>820</v>
      </c>
    </row>
    <row r="183" spans="3:4">
      <c r="C183" s="3" t="s">
        <v>821</v>
      </c>
      <c r="D183" s="3" t="s">
        <v>821</v>
      </c>
    </row>
    <row r="184" spans="3:4">
      <c r="C184" s="3" t="s">
        <v>822</v>
      </c>
      <c r="D184" s="3" t="s">
        <v>822</v>
      </c>
    </row>
    <row r="185" spans="3:4">
      <c r="C185" s="3" t="s">
        <v>823</v>
      </c>
      <c r="D185" s="3" t="s">
        <v>823</v>
      </c>
    </row>
    <row r="186" spans="3:4">
      <c r="C186" s="3" t="s">
        <v>824</v>
      </c>
      <c r="D186" s="3" t="s">
        <v>824</v>
      </c>
    </row>
    <row r="187" spans="3:4">
      <c r="C187" s="3" t="s">
        <v>825</v>
      </c>
      <c r="D187" s="3" t="s">
        <v>825</v>
      </c>
    </row>
    <row r="188" spans="3:4">
      <c r="C188" s="3" t="s">
        <v>826</v>
      </c>
      <c r="D188" s="3" t="s">
        <v>826</v>
      </c>
    </row>
    <row r="189" spans="3:4">
      <c r="C189" s="3" t="s">
        <v>827</v>
      </c>
      <c r="D189" s="3" t="s">
        <v>827</v>
      </c>
    </row>
    <row r="190" spans="3:4">
      <c r="C190" s="3" t="s">
        <v>828</v>
      </c>
      <c r="D190" s="3" t="s">
        <v>828</v>
      </c>
    </row>
    <row r="191" spans="3:4">
      <c r="C191" s="3" t="s">
        <v>829</v>
      </c>
      <c r="D191" s="3" t="s">
        <v>829</v>
      </c>
    </row>
    <row r="192" spans="3:4">
      <c r="C192" s="3" t="s">
        <v>830</v>
      </c>
      <c r="D192" s="3" t="s">
        <v>830</v>
      </c>
    </row>
    <row r="193" spans="1:4">
      <c r="C193" s="3" t="s">
        <v>831</v>
      </c>
      <c r="D193" s="3" t="s">
        <v>831</v>
      </c>
    </row>
    <row r="194" spans="1:4" ht="24.95">
      <c r="A194" s="4" t="s">
        <v>834</v>
      </c>
      <c r="B194" s="3" t="s">
        <v>159</v>
      </c>
      <c r="C194" s="3" t="s">
        <v>835</v>
      </c>
    </row>
    <row r="195" spans="1:4" ht="50.1">
      <c r="A195" s="4" t="s">
        <v>836</v>
      </c>
      <c r="B195" s="3" t="s">
        <v>159</v>
      </c>
      <c r="C195" s="3" t="s">
        <v>837</v>
      </c>
    </row>
    <row r="196" spans="1:4" ht="24.95">
      <c r="A196" s="4" t="s">
        <v>838</v>
      </c>
      <c r="B196" s="3" t="s">
        <v>159</v>
      </c>
      <c r="C196" s="3" t="s">
        <v>839</v>
      </c>
    </row>
    <row r="197" spans="1:4" ht="37.5">
      <c r="A197" s="4" t="s">
        <v>840</v>
      </c>
      <c r="B197" s="3" t="s">
        <v>159</v>
      </c>
      <c r="C197" s="3" t="s">
        <v>841</v>
      </c>
    </row>
    <row r="198" spans="1:4" ht="37.5">
      <c r="A198" s="4" t="s">
        <v>842</v>
      </c>
      <c r="B198" s="3" t="s">
        <v>159</v>
      </c>
      <c r="C198" s="3" t="s">
        <v>843</v>
      </c>
    </row>
    <row r="199" spans="1:4" ht="37.5">
      <c r="A199" s="4" t="s">
        <v>844</v>
      </c>
      <c r="B199" s="3" t="s">
        <v>159</v>
      </c>
      <c r="C199" s="3" t="s">
        <v>845</v>
      </c>
    </row>
    <row r="200" spans="1:4" ht="37.5">
      <c r="A200" s="4" t="s">
        <v>846</v>
      </c>
      <c r="B200" s="3" t="s">
        <v>159</v>
      </c>
      <c r="C200" s="3" t="s">
        <v>847</v>
      </c>
    </row>
    <row r="201" spans="1:4" ht="24.95">
      <c r="A201" s="4" t="s">
        <v>848</v>
      </c>
      <c r="B201" s="3" t="s">
        <v>159</v>
      </c>
      <c r="C201" s="3" t="s">
        <v>849</v>
      </c>
    </row>
  </sheetData>
  <mergeCells count="1">
    <mergeCell ref="A1:F1"/>
  </mergeCells>
  <pageMargins left="0.7" right="0.7" top="0.75" bottom="0.75" header="0.3" footer="0.3"/>
  <pageSetup orientation="portrait" horizontalDpi="200" verticalDpi="200"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40F537-F755-42DB-AB0F-119E82D17FE8}">
  <dimension ref="A1:F44"/>
  <sheetViews>
    <sheetView workbookViewId="0">
      <selection activeCell="E7" sqref="E7"/>
    </sheetView>
  </sheetViews>
  <sheetFormatPr defaultRowHeight="14.45"/>
  <cols>
    <col min="1" max="1" width="27.28515625" customWidth="1"/>
    <col min="2" max="2" width="14.7109375" customWidth="1"/>
    <col min="3" max="3" width="38.42578125" customWidth="1"/>
    <col min="4" max="4" width="20" customWidth="1"/>
  </cols>
  <sheetData>
    <row r="1" spans="1:6" ht="18.600000000000001">
      <c r="A1" s="73" t="s">
        <v>850</v>
      </c>
      <c r="B1" s="73"/>
      <c r="C1" s="73"/>
      <c r="D1" s="73"/>
      <c r="E1" s="73"/>
      <c r="F1" s="73"/>
    </row>
    <row r="2" spans="1:6">
      <c r="A2" s="6" t="s">
        <v>1</v>
      </c>
      <c r="B2" s="6" t="s">
        <v>2</v>
      </c>
      <c r="C2" s="6" t="s">
        <v>3</v>
      </c>
      <c r="D2" s="6" t="s">
        <v>4</v>
      </c>
    </row>
    <row r="3" spans="1:6">
      <c r="A3" s="1" t="s">
        <v>851</v>
      </c>
      <c r="B3" t="s">
        <v>852</v>
      </c>
      <c r="C3" s="1" t="s">
        <v>853</v>
      </c>
    </row>
    <row r="4" spans="1:6">
      <c r="C4" s="1" t="s">
        <v>854</v>
      </c>
      <c r="D4" t="s">
        <v>153</v>
      </c>
    </row>
    <row r="5" spans="1:6">
      <c r="C5" s="1" t="s">
        <v>855</v>
      </c>
      <c r="D5" t="s">
        <v>155</v>
      </c>
    </row>
    <row r="6" spans="1:6">
      <c r="A6" s="1" t="s">
        <v>856</v>
      </c>
      <c r="B6" t="s">
        <v>852</v>
      </c>
      <c r="C6" s="2" t="s">
        <v>857</v>
      </c>
    </row>
    <row r="7" spans="1:6">
      <c r="A7" s="1" t="s">
        <v>858</v>
      </c>
    </row>
    <row r="8" spans="1:6">
      <c r="A8" s="1" t="s">
        <v>859</v>
      </c>
      <c r="B8" t="s">
        <v>159</v>
      </c>
      <c r="C8" s="1" t="s">
        <v>860</v>
      </c>
    </row>
    <row r="9" spans="1:6">
      <c r="A9" s="1" t="s">
        <v>861</v>
      </c>
      <c r="B9" t="s">
        <v>159</v>
      </c>
      <c r="C9" s="1" t="s">
        <v>862</v>
      </c>
    </row>
    <row r="10" spans="1:6" ht="26.1">
      <c r="A10" s="2" t="s">
        <v>863</v>
      </c>
      <c r="B10" t="s">
        <v>159</v>
      </c>
      <c r="C10" s="1" t="s">
        <v>864</v>
      </c>
    </row>
    <row r="11" spans="1:6" ht="26.1">
      <c r="A11" s="2" t="s">
        <v>865</v>
      </c>
      <c r="B11" t="s">
        <v>159</v>
      </c>
      <c r="C11" s="1" t="s">
        <v>866</v>
      </c>
    </row>
    <row r="12" spans="1:6" ht="24.95">
      <c r="A12" s="4" t="s">
        <v>867</v>
      </c>
      <c r="B12" t="s">
        <v>159</v>
      </c>
      <c r="C12" s="1" t="s">
        <v>868</v>
      </c>
    </row>
    <row r="13" spans="1:6" ht="24.95">
      <c r="A13" s="4" t="s">
        <v>869</v>
      </c>
      <c r="B13" t="s">
        <v>159</v>
      </c>
      <c r="C13" s="1" t="s">
        <v>870</v>
      </c>
    </row>
    <row r="14" spans="1:6" ht="26.1">
      <c r="A14" s="2" t="s">
        <v>871</v>
      </c>
      <c r="B14" t="s">
        <v>159</v>
      </c>
      <c r="C14" s="1" t="s">
        <v>872</v>
      </c>
    </row>
    <row r="15" spans="1:6">
      <c r="A15" s="1" t="s">
        <v>873</v>
      </c>
      <c r="D15" t="s">
        <v>15</v>
      </c>
    </row>
    <row r="16" spans="1:6" ht="63.6">
      <c r="A16" s="2" t="s">
        <v>874</v>
      </c>
      <c r="B16" t="s">
        <v>159</v>
      </c>
      <c r="C16" s="1" t="s">
        <v>875</v>
      </c>
    </row>
    <row r="17" spans="1:4">
      <c r="A17" s="3" t="s">
        <v>876</v>
      </c>
      <c r="B17" t="s">
        <v>7</v>
      </c>
      <c r="C17" s="1" t="s">
        <v>877</v>
      </c>
    </row>
    <row r="18" spans="1:4">
      <c r="B18" t="s">
        <v>878</v>
      </c>
      <c r="C18" s="1" t="s">
        <v>180</v>
      </c>
      <c r="D18" t="b">
        <v>1</v>
      </c>
    </row>
    <row r="19" spans="1:4">
      <c r="B19" t="s">
        <v>878</v>
      </c>
      <c r="C19" s="1" t="s">
        <v>178</v>
      </c>
      <c r="D19" t="s">
        <v>15</v>
      </c>
    </row>
    <row r="20" spans="1:4" ht="26.1">
      <c r="A20" s="2" t="s">
        <v>879</v>
      </c>
      <c r="C20" s="1" t="s">
        <v>880</v>
      </c>
      <c r="D20" s="1" t="s">
        <v>881</v>
      </c>
    </row>
    <row r="21" spans="1:4" ht="38.450000000000003">
      <c r="A21" s="2" t="s">
        <v>520</v>
      </c>
      <c r="B21" t="s">
        <v>176</v>
      </c>
      <c r="C21" s="1" t="s">
        <v>882</v>
      </c>
    </row>
    <row r="22" spans="1:4">
      <c r="A22" s="1" t="s">
        <v>883</v>
      </c>
      <c r="B22" t="s">
        <v>159</v>
      </c>
      <c r="C22" s="1" t="s">
        <v>884</v>
      </c>
    </row>
    <row r="23" spans="1:4" ht="38.450000000000003">
      <c r="A23" s="2" t="s">
        <v>885</v>
      </c>
      <c r="B23" t="s">
        <v>159</v>
      </c>
      <c r="C23" s="1" t="s">
        <v>886</v>
      </c>
    </row>
    <row r="24" spans="1:4" ht="26.1">
      <c r="A24" s="2" t="s">
        <v>887</v>
      </c>
      <c r="B24" t="s">
        <v>159</v>
      </c>
      <c r="C24" s="1" t="s">
        <v>888</v>
      </c>
    </row>
    <row r="25" spans="1:4">
      <c r="A25" s="1" t="s">
        <v>889</v>
      </c>
      <c r="B25" t="s">
        <v>159</v>
      </c>
      <c r="C25" s="1" t="s">
        <v>890</v>
      </c>
    </row>
    <row r="26" spans="1:4" ht="75.95">
      <c r="A26" s="2" t="s">
        <v>891</v>
      </c>
      <c r="B26" t="s">
        <v>159</v>
      </c>
      <c r="C26" s="1" t="s">
        <v>892</v>
      </c>
    </row>
    <row r="27" spans="1:4">
      <c r="A27" s="1" t="s">
        <v>893</v>
      </c>
      <c r="B27" t="s">
        <v>159</v>
      </c>
      <c r="C27" s="1" t="s">
        <v>894</v>
      </c>
    </row>
    <row r="28" spans="1:4">
      <c r="A28" s="1" t="s">
        <v>895</v>
      </c>
      <c r="B28" t="s">
        <v>159</v>
      </c>
      <c r="C28" s="1" t="s">
        <v>896</v>
      </c>
    </row>
    <row r="29" spans="1:4">
      <c r="A29" s="1" t="s">
        <v>897</v>
      </c>
      <c r="B29" t="s">
        <v>159</v>
      </c>
      <c r="C29" s="1" t="s">
        <v>898</v>
      </c>
    </row>
    <row r="30" spans="1:4" ht="37.5">
      <c r="A30" s="4" t="s">
        <v>899</v>
      </c>
      <c r="B30" t="s">
        <v>159</v>
      </c>
      <c r="C30" s="1" t="s">
        <v>900</v>
      </c>
    </row>
    <row r="31" spans="1:4" ht="24.95">
      <c r="A31" s="4" t="s">
        <v>901</v>
      </c>
      <c r="B31" t="s">
        <v>159</v>
      </c>
      <c r="C31" s="1" t="s">
        <v>902</v>
      </c>
    </row>
    <row r="32" spans="1:4" ht="38.450000000000003">
      <c r="A32" s="2" t="s">
        <v>903</v>
      </c>
      <c r="B32" t="s">
        <v>159</v>
      </c>
      <c r="C32" s="1" t="s">
        <v>904</v>
      </c>
    </row>
    <row r="33" spans="1:4" ht="38.450000000000003">
      <c r="A33" s="2" t="s">
        <v>903</v>
      </c>
      <c r="B33" t="s">
        <v>7</v>
      </c>
      <c r="C33" s="1" t="s">
        <v>905</v>
      </c>
    </row>
    <row r="34" spans="1:4" ht="38.450000000000003">
      <c r="A34" s="2" t="s">
        <v>906</v>
      </c>
      <c r="B34" t="s">
        <v>878</v>
      </c>
      <c r="C34" s="1" t="s">
        <v>907</v>
      </c>
    </row>
    <row r="35" spans="1:4" ht="38.450000000000003">
      <c r="A35" s="2" t="s">
        <v>908</v>
      </c>
      <c r="B35" t="s">
        <v>878</v>
      </c>
      <c r="C35" s="1" t="s">
        <v>909</v>
      </c>
    </row>
    <row r="36" spans="1:4" ht="38.450000000000003">
      <c r="A36" s="2" t="s">
        <v>910</v>
      </c>
      <c r="B36" t="s">
        <v>159</v>
      </c>
      <c r="C36" s="1" t="s">
        <v>911</v>
      </c>
    </row>
    <row r="37" spans="1:4" ht="63.6">
      <c r="A37" s="2" t="s">
        <v>912</v>
      </c>
      <c r="B37" t="s">
        <v>159</v>
      </c>
      <c r="C37" s="1" t="s">
        <v>913</v>
      </c>
    </row>
    <row r="38" spans="1:4">
      <c r="A38" s="1" t="s">
        <v>914</v>
      </c>
      <c r="C38" s="1" t="s">
        <v>915</v>
      </c>
    </row>
    <row r="39" spans="1:4">
      <c r="B39" t="s">
        <v>916</v>
      </c>
      <c r="C39" s="1" t="s">
        <v>917</v>
      </c>
    </row>
    <row r="40" spans="1:4">
      <c r="C40" s="1" t="s">
        <v>918</v>
      </c>
      <c r="D40">
        <v>5</v>
      </c>
    </row>
    <row r="41" spans="1:4">
      <c r="C41" s="1" t="s">
        <v>919</v>
      </c>
      <c r="D41">
        <v>4</v>
      </c>
    </row>
    <row r="42" spans="1:4">
      <c r="C42" s="1" t="s">
        <v>920</v>
      </c>
      <c r="D42">
        <v>3</v>
      </c>
    </row>
    <row r="43" spans="1:4">
      <c r="C43" s="1" t="s">
        <v>921</v>
      </c>
      <c r="D43">
        <v>0</v>
      </c>
    </row>
    <row r="44" spans="1:4">
      <c r="A44" s="3" t="s">
        <v>922</v>
      </c>
      <c r="C44" s="1" t="s">
        <v>923</v>
      </c>
    </row>
  </sheetData>
  <mergeCells count="1">
    <mergeCell ref="A1:F1"/>
  </mergeCells>
  <pageMargins left="0.7" right="0.7" top="0.75" bottom="0.75" header="0.3" footer="0.3"/>
  <pageSetup orientation="portrait" horizontalDpi="300" verticalDpi="0" copies="0"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196BB12-5167-4A7C-AD0C-7352A23D3602}">
  <dimension ref="A1:F15"/>
  <sheetViews>
    <sheetView workbookViewId="0">
      <selection sqref="A1:F1"/>
    </sheetView>
  </sheetViews>
  <sheetFormatPr defaultRowHeight="14.45"/>
  <cols>
    <col min="1" max="1" width="25.42578125" customWidth="1"/>
    <col min="2" max="2" width="13.85546875" customWidth="1"/>
    <col min="3" max="3" width="33.5703125" customWidth="1"/>
    <col min="4" max="4" width="13.28515625" customWidth="1"/>
  </cols>
  <sheetData>
    <row r="1" spans="1:6" ht="18.600000000000001">
      <c r="A1" s="73" t="s">
        <v>924</v>
      </c>
      <c r="B1" s="73"/>
      <c r="C1" s="73"/>
      <c r="D1" s="73"/>
      <c r="E1" s="73"/>
      <c r="F1" s="73"/>
    </row>
    <row r="2" spans="1:6">
      <c r="A2" s="6" t="s">
        <v>1</v>
      </c>
      <c r="B2" s="6" t="s">
        <v>2</v>
      </c>
      <c r="C2" s="6" t="s">
        <v>3</v>
      </c>
      <c r="D2" s="6" t="s">
        <v>4</v>
      </c>
    </row>
    <row r="3" spans="1:6">
      <c r="A3" s="3" t="s">
        <v>925</v>
      </c>
      <c r="B3" s="3" t="s">
        <v>7</v>
      </c>
      <c r="C3" s="3" t="s">
        <v>926</v>
      </c>
    </row>
    <row r="4" spans="1:6">
      <c r="B4" s="3" t="s">
        <v>14</v>
      </c>
      <c r="C4" s="3" t="s">
        <v>152</v>
      </c>
      <c r="D4" t="s">
        <v>153</v>
      </c>
    </row>
    <row r="5" spans="1:6">
      <c r="B5" s="3" t="s">
        <v>14</v>
      </c>
      <c r="C5" s="3" t="s">
        <v>927</v>
      </c>
      <c r="D5" t="s">
        <v>928</v>
      </c>
    </row>
    <row r="6" spans="1:6">
      <c r="A6" s="3" t="s">
        <v>929</v>
      </c>
      <c r="B6" s="3" t="s">
        <v>7</v>
      </c>
      <c r="C6" s="3" t="s">
        <v>930</v>
      </c>
    </row>
    <row r="7" spans="1:6">
      <c r="B7" s="3" t="s">
        <v>14</v>
      </c>
      <c r="C7" s="3" t="s">
        <v>931</v>
      </c>
      <c r="D7" s="3" t="s">
        <v>931</v>
      </c>
    </row>
    <row r="8" spans="1:6">
      <c r="B8" s="3" t="s">
        <v>14</v>
      </c>
      <c r="C8" s="3" t="s">
        <v>15</v>
      </c>
      <c r="D8" s="3" t="s">
        <v>15</v>
      </c>
    </row>
    <row r="9" spans="1:6">
      <c r="A9" s="3" t="s">
        <v>932</v>
      </c>
      <c r="B9" s="3" t="s">
        <v>159</v>
      </c>
      <c r="C9" s="3" t="s">
        <v>933</v>
      </c>
    </row>
    <row r="10" spans="1:6">
      <c r="A10" s="3" t="s">
        <v>934</v>
      </c>
      <c r="B10" s="3" t="s">
        <v>159</v>
      </c>
      <c r="C10" s="3" t="s">
        <v>935</v>
      </c>
    </row>
    <row r="11" spans="1:6">
      <c r="A11" s="3" t="s">
        <v>936</v>
      </c>
      <c r="B11" s="3" t="s">
        <v>20</v>
      </c>
      <c r="C11" s="3" t="s">
        <v>937</v>
      </c>
    </row>
    <row r="12" spans="1:6">
      <c r="B12" s="3" t="s">
        <v>20</v>
      </c>
      <c r="C12" s="3" t="s">
        <v>938</v>
      </c>
    </row>
    <row r="13" spans="1:6">
      <c r="B13" s="3" t="s">
        <v>20</v>
      </c>
      <c r="C13" s="3" t="s">
        <v>939</v>
      </c>
    </row>
    <row r="14" spans="1:6">
      <c r="B14" s="3" t="s">
        <v>20</v>
      </c>
      <c r="C14" s="3" t="s">
        <v>940</v>
      </c>
    </row>
    <row r="15" spans="1:6">
      <c r="B15" s="3" t="s">
        <v>20</v>
      </c>
      <c r="C15" s="3" t="s">
        <v>941</v>
      </c>
    </row>
  </sheetData>
  <mergeCells count="1">
    <mergeCell ref="A1:F1"/>
  </mergeCells>
  <pageMargins left="0.7" right="0.7" top="0.75" bottom="0.75" header="0.3" footer="0.3"/>
  <pageSetup orientation="portrait" horizontalDpi="300" verticalDpi="0" copies="0"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8C3461-4B84-464A-BBD9-F35258F11B41}">
  <dimension ref="A1:F28"/>
  <sheetViews>
    <sheetView zoomScale="90" zoomScaleNormal="90" workbookViewId="0">
      <selection activeCell="I13" sqref="I13"/>
    </sheetView>
  </sheetViews>
  <sheetFormatPr defaultRowHeight="14.45"/>
  <cols>
    <col min="1" max="1" width="36.7109375" customWidth="1"/>
    <col min="2" max="2" width="18.28515625" customWidth="1"/>
    <col min="3" max="3" width="49.85546875" customWidth="1"/>
    <col min="4" max="4" width="13" customWidth="1"/>
    <col min="5" max="5" width="39.5703125" customWidth="1"/>
  </cols>
  <sheetData>
    <row r="1" spans="1:6" ht="18.600000000000001">
      <c r="A1" s="73" t="s">
        <v>942</v>
      </c>
      <c r="B1" s="73"/>
      <c r="C1" s="73"/>
      <c r="D1" s="73"/>
      <c r="E1" s="73"/>
      <c r="F1" s="73"/>
    </row>
    <row r="2" spans="1:6">
      <c r="A2" s="6" t="s">
        <v>1</v>
      </c>
      <c r="B2" s="6" t="s">
        <v>2</v>
      </c>
      <c r="C2" s="6" t="s">
        <v>3</v>
      </c>
      <c r="D2" s="6" t="s">
        <v>4</v>
      </c>
      <c r="E2" s="6" t="s">
        <v>943</v>
      </c>
    </row>
    <row r="3" spans="1:6">
      <c r="A3" s="1" t="s">
        <v>944</v>
      </c>
      <c r="B3" t="s">
        <v>7</v>
      </c>
      <c r="C3" s="1" t="s">
        <v>945</v>
      </c>
    </row>
    <row r="4" spans="1:6" ht="26.1">
      <c r="A4" s="2" t="s">
        <v>946</v>
      </c>
      <c r="B4" s="1" t="s">
        <v>14</v>
      </c>
      <c r="C4" s="1" t="s">
        <v>947</v>
      </c>
    </row>
    <row r="5" spans="1:6" ht="26.1">
      <c r="A5" s="2" t="s">
        <v>948</v>
      </c>
      <c r="B5" s="1" t="s">
        <v>14</v>
      </c>
      <c r="C5" s="1" t="s">
        <v>949</v>
      </c>
    </row>
    <row r="6" spans="1:6" ht="26.1">
      <c r="A6" s="2" t="s">
        <v>950</v>
      </c>
      <c r="B6" s="1" t="s">
        <v>14</v>
      </c>
      <c r="C6" s="1" t="s">
        <v>951</v>
      </c>
    </row>
    <row r="7" spans="1:6" ht="26.1">
      <c r="A7" s="2" t="s">
        <v>952</v>
      </c>
      <c r="B7" s="1" t="s">
        <v>14</v>
      </c>
      <c r="C7" s="1" t="s">
        <v>953</v>
      </c>
    </row>
    <row r="8" spans="1:6">
      <c r="A8" s="1" t="s">
        <v>954</v>
      </c>
      <c r="B8" t="s">
        <v>7</v>
      </c>
      <c r="C8" s="1" t="s">
        <v>955</v>
      </c>
    </row>
    <row r="9" spans="1:6">
      <c r="B9" s="1" t="s">
        <v>14</v>
      </c>
      <c r="C9" s="3" t="s">
        <v>956</v>
      </c>
    </row>
    <row r="10" spans="1:6">
      <c r="A10" s="1" t="s">
        <v>957</v>
      </c>
      <c r="B10" t="s">
        <v>7</v>
      </c>
      <c r="C10" s="1" t="s">
        <v>958</v>
      </c>
    </row>
    <row r="11" spans="1:6">
      <c r="B11" s="1" t="s">
        <v>14</v>
      </c>
      <c r="C11" s="3" t="s">
        <v>959</v>
      </c>
    </row>
    <row r="12" spans="1:6" ht="26.1">
      <c r="A12" s="2" t="s">
        <v>960</v>
      </c>
      <c r="B12" s="20" t="s">
        <v>176</v>
      </c>
      <c r="C12" s="21" t="s">
        <v>961</v>
      </c>
      <c r="D12" s="22"/>
      <c r="E12" t="s">
        <v>962</v>
      </c>
    </row>
    <row r="13" spans="1:6" ht="26.1">
      <c r="A13" s="2" t="s">
        <v>963</v>
      </c>
      <c r="B13" s="20" t="s">
        <v>176</v>
      </c>
      <c r="C13" s="21" t="s">
        <v>964</v>
      </c>
      <c r="D13" s="22"/>
      <c r="E13" t="s">
        <v>962</v>
      </c>
    </row>
    <row r="14" spans="1:6" ht="50.1">
      <c r="A14" s="4" t="s">
        <v>965</v>
      </c>
      <c r="B14" s="20" t="s">
        <v>176</v>
      </c>
      <c r="C14" s="21" t="s">
        <v>966</v>
      </c>
      <c r="D14" s="22"/>
      <c r="E14" t="s">
        <v>962</v>
      </c>
    </row>
    <row r="15" spans="1:6" ht="24.95">
      <c r="A15" s="4" t="s">
        <v>967</v>
      </c>
      <c r="B15" s="20" t="s">
        <v>176</v>
      </c>
      <c r="C15" s="21" t="s">
        <v>968</v>
      </c>
      <c r="D15" s="22"/>
      <c r="E15" t="s">
        <v>962</v>
      </c>
    </row>
    <row r="16" spans="1:6" ht="26.1">
      <c r="A16" s="2" t="s">
        <v>969</v>
      </c>
      <c r="B16" s="20" t="s">
        <v>176</v>
      </c>
      <c r="C16" s="21" t="s">
        <v>970</v>
      </c>
      <c r="D16" s="22"/>
      <c r="E16" t="s">
        <v>962</v>
      </c>
    </row>
    <row r="17" spans="1:5" ht="26.1">
      <c r="A17" s="2" t="s">
        <v>971</v>
      </c>
      <c r="B17" t="s">
        <v>159</v>
      </c>
      <c r="C17" s="2" t="s">
        <v>972</v>
      </c>
    </row>
    <row r="18" spans="1:5" s="23" customFormat="1" ht="38.450000000000003">
      <c r="A18" s="24" t="s">
        <v>973</v>
      </c>
      <c r="B18" s="25" t="s">
        <v>172</v>
      </c>
      <c r="C18" s="25" t="s">
        <v>974</v>
      </c>
      <c r="D18" s="26" t="s">
        <v>975</v>
      </c>
      <c r="E18" s="23" t="s">
        <v>976</v>
      </c>
    </row>
    <row r="19" spans="1:5" ht="37.5">
      <c r="A19" s="4" t="s">
        <v>977</v>
      </c>
      <c r="B19" s="20" t="s">
        <v>176</v>
      </c>
      <c r="C19" s="21" t="s">
        <v>978</v>
      </c>
      <c r="D19" s="22"/>
      <c r="E19" t="s">
        <v>962</v>
      </c>
    </row>
    <row r="20" spans="1:5">
      <c r="A20" s="1" t="s">
        <v>979</v>
      </c>
      <c r="B20" s="1" t="s">
        <v>172</v>
      </c>
      <c r="C20" s="1" t="s">
        <v>980</v>
      </c>
      <c r="D20" s="1" t="s">
        <v>981</v>
      </c>
    </row>
    <row r="21" spans="1:5">
      <c r="B21" t="s">
        <v>982</v>
      </c>
      <c r="D21" s="1" t="s">
        <v>414</v>
      </c>
    </row>
    <row r="22" spans="1:5">
      <c r="B22" t="s">
        <v>982</v>
      </c>
      <c r="D22" s="1" t="s">
        <v>983</v>
      </c>
    </row>
    <row r="23" spans="1:5">
      <c r="B23" t="s">
        <v>982</v>
      </c>
      <c r="D23" s="1" t="s">
        <v>984</v>
      </c>
    </row>
    <row r="24" spans="1:5">
      <c r="B24" t="s">
        <v>982</v>
      </c>
      <c r="D24" s="1" t="s">
        <v>985</v>
      </c>
    </row>
    <row r="25" spans="1:5">
      <c r="B25" t="s">
        <v>982</v>
      </c>
      <c r="D25" s="1" t="s">
        <v>418</v>
      </c>
    </row>
    <row r="26" spans="1:5">
      <c r="B26" t="s">
        <v>982</v>
      </c>
      <c r="D26" s="1" t="s">
        <v>986</v>
      </c>
    </row>
    <row r="27" spans="1:5" ht="26.1">
      <c r="A27" s="2" t="s">
        <v>987</v>
      </c>
      <c r="B27" t="s">
        <v>159</v>
      </c>
      <c r="C27" s="1" t="s">
        <v>988</v>
      </c>
    </row>
    <row r="28" spans="1:5" ht="50.1">
      <c r="A28" s="4" t="s">
        <v>989</v>
      </c>
      <c r="B28" t="s">
        <v>176</v>
      </c>
      <c r="C28" s="1" t="s">
        <v>990</v>
      </c>
    </row>
  </sheetData>
  <mergeCells count="1">
    <mergeCell ref="A1:F1"/>
  </mergeCells>
  <pageMargins left="0.7" right="0.7" top="0.75" bottom="0.75" header="0.3" footer="0.3"/>
  <pageSetup orientation="portrait" horizontalDpi="300" verticalDpi="0" copies="0"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0D9A2F-A2AD-4D82-87C0-C2381E575BCB}">
  <dimension ref="A1:F19"/>
  <sheetViews>
    <sheetView workbookViewId="0">
      <selection activeCell="F4" sqref="F4"/>
    </sheetView>
  </sheetViews>
  <sheetFormatPr defaultRowHeight="14.45"/>
  <cols>
    <col min="1" max="1" width="31.85546875" customWidth="1"/>
    <col min="2" max="2" width="17.140625" customWidth="1"/>
    <col min="3" max="3" width="59.85546875" customWidth="1"/>
  </cols>
  <sheetData>
    <row r="1" spans="1:6" ht="18.600000000000001">
      <c r="A1" s="73" t="s">
        <v>991</v>
      </c>
      <c r="B1" s="73"/>
      <c r="C1" s="73"/>
      <c r="D1" s="73"/>
      <c r="E1" s="73"/>
      <c r="F1" s="73"/>
    </row>
    <row r="2" spans="1:6">
      <c r="A2" s="6" t="s">
        <v>1</v>
      </c>
      <c r="B2" s="6" t="s">
        <v>2</v>
      </c>
      <c r="C2" s="6" t="s">
        <v>3</v>
      </c>
      <c r="D2" s="6" t="s">
        <v>4</v>
      </c>
    </row>
    <row r="3" spans="1:6">
      <c r="A3" s="30" t="s">
        <v>992</v>
      </c>
      <c r="B3" s="31" t="s">
        <v>176</v>
      </c>
      <c r="C3" s="27" t="s">
        <v>993</v>
      </c>
      <c r="D3" s="12"/>
    </row>
    <row r="4" spans="1:6">
      <c r="A4" s="31" t="s">
        <v>994</v>
      </c>
      <c r="B4" s="31" t="s">
        <v>7</v>
      </c>
      <c r="C4" s="28" t="s">
        <v>995</v>
      </c>
      <c r="D4" s="12"/>
    </row>
    <row r="5" spans="1:6">
      <c r="A5" s="31" t="s">
        <v>994</v>
      </c>
      <c r="B5" s="31" t="s">
        <v>996</v>
      </c>
      <c r="C5" s="27" t="s">
        <v>997</v>
      </c>
      <c r="D5" s="12"/>
    </row>
    <row r="6" spans="1:6">
      <c r="A6" s="12"/>
      <c r="B6" s="13" t="s">
        <v>998</v>
      </c>
      <c r="C6" s="29" t="s">
        <v>152</v>
      </c>
      <c r="D6" s="12" t="s">
        <v>153</v>
      </c>
    </row>
    <row r="7" spans="1:6">
      <c r="A7" s="12"/>
      <c r="B7" s="13" t="s">
        <v>998</v>
      </c>
      <c r="C7" s="29" t="s">
        <v>154</v>
      </c>
      <c r="D7" s="12" t="s">
        <v>155</v>
      </c>
    </row>
    <row r="8" spans="1:6">
      <c r="A8" s="12"/>
      <c r="B8" s="13" t="s">
        <v>998</v>
      </c>
      <c r="C8" s="29" t="s">
        <v>999</v>
      </c>
      <c r="D8" s="12" t="s">
        <v>157</v>
      </c>
    </row>
    <row r="9" spans="1:6" ht="38.25" customHeight="1">
      <c r="A9" s="14" t="s">
        <v>1000</v>
      </c>
      <c r="B9" s="13" t="s">
        <v>159</v>
      </c>
      <c r="C9" s="29" t="s">
        <v>1001</v>
      </c>
      <c r="D9" s="12"/>
    </row>
    <row r="10" spans="1:6" ht="24.95">
      <c r="A10" s="14" t="s">
        <v>1002</v>
      </c>
      <c r="B10" s="13" t="s">
        <v>159</v>
      </c>
      <c r="C10" s="29" t="s">
        <v>1003</v>
      </c>
      <c r="D10" s="12"/>
    </row>
    <row r="11" spans="1:6" ht="37.5">
      <c r="A11" s="14" t="s">
        <v>1004</v>
      </c>
      <c r="B11" s="13" t="s">
        <v>20</v>
      </c>
      <c r="C11" s="29" t="s">
        <v>1005</v>
      </c>
      <c r="D11" s="12"/>
    </row>
    <row r="12" spans="1:6" ht="75">
      <c r="A12" s="14" t="s">
        <v>1006</v>
      </c>
      <c r="B12" s="13" t="s">
        <v>20</v>
      </c>
      <c r="C12" s="29" t="s">
        <v>1007</v>
      </c>
      <c r="D12" s="12"/>
    </row>
    <row r="13" spans="1:6" ht="37.5">
      <c r="A13" s="14" t="s">
        <v>1008</v>
      </c>
      <c r="B13" s="13" t="s">
        <v>20</v>
      </c>
      <c r="C13" s="29" t="s">
        <v>1009</v>
      </c>
      <c r="D13" s="12"/>
    </row>
    <row r="14" spans="1:6" ht="37.5">
      <c r="A14" s="14" t="s">
        <v>1010</v>
      </c>
      <c r="B14" s="13" t="s">
        <v>20</v>
      </c>
      <c r="C14" s="29" t="s">
        <v>1011</v>
      </c>
      <c r="D14" s="12"/>
    </row>
    <row r="15" spans="1:6" ht="24.95">
      <c r="A15" s="14" t="s">
        <v>1012</v>
      </c>
      <c r="B15" s="13" t="s">
        <v>176</v>
      </c>
      <c r="C15" s="29" t="s">
        <v>1013</v>
      </c>
      <c r="D15" s="12"/>
    </row>
    <row r="16" spans="1:6" ht="24.95">
      <c r="A16" s="14" t="s">
        <v>1014</v>
      </c>
      <c r="B16" s="13" t="s">
        <v>176</v>
      </c>
      <c r="C16" s="29" t="s">
        <v>1015</v>
      </c>
      <c r="D16" s="12"/>
    </row>
    <row r="17" spans="1:4" ht="37.5">
      <c r="A17" s="14" t="s">
        <v>1016</v>
      </c>
      <c r="B17" s="13" t="s">
        <v>176</v>
      </c>
      <c r="C17" s="29" t="s">
        <v>1017</v>
      </c>
      <c r="D17" s="12"/>
    </row>
    <row r="18" spans="1:4" ht="37.5">
      <c r="A18" s="14" t="s">
        <v>1018</v>
      </c>
      <c r="B18" s="13" t="s">
        <v>176</v>
      </c>
      <c r="C18" s="29" t="s">
        <v>1019</v>
      </c>
      <c r="D18" s="12"/>
    </row>
    <row r="19" spans="1:4" ht="62.45">
      <c r="A19" s="14" t="s">
        <v>1020</v>
      </c>
      <c r="B19" s="13" t="s">
        <v>176</v>
      </c>
      <c r="C19" s="29" t="s">
        <v>1021</v>
      </c>
      <c r="D19" s="12"/>
    </row>
  </sheetData>
  <mergeCells count="1">
    <mergeCell ref="A1:F1"/>
  </mergeCells>
  <pageMargins left="0.7" right="0.7" top="0.75" bottom="0.75" header="0.3" footer="0.3"/>
  <pageSetup orientation="portrait" horizontalDpi="300" verticalDpi="0" copies="0"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0B9CA5-2A16-4BE1-B2B3-5A8A614C6EDB}">
  <dimension ref="A1:F40"/>
  <sheetViews>
    <sheetView workbookViewId="0">
      <selection sqref="A1:F1"/>
    </sheetView>
  </sheetViews>
  <sheetFormatPr defaultRowHeight="14.45"/>
  <cols>
    <col min="1" max="1" width="36.5703125" customWidth="1"/>
    <col min="2" max="2" width="18.28515625" customWidth="1"/>
    <col min="3" max="3" width="51.28515625" customWidth="1"/>
    <col min="4" max="4" width="22.28515625" customWidth="1"/>
  </cols>
  <sheetData>
    <row r="1" spans="1:6" ht="18.600000000000001">
      <c r="A1" s="73" t="s">
        <v>1022</v>
      </c>
      <c r="B1" s="73"/>
      <c r="C1" s="73"/>
      <c r="D1" s="73"/>
      <c r="E1" s="73"/>
      <c r="F1" s="73"/>
    </row>
    <row r="2" spans="1:6">
      <c r="A2" s="6" t="s">
        <v>1</v>
      </c>
      <c r="B2" s="6" t="s">
        <v>2</v>
      </c>
      <c r="C2" s="6" t="s">
        <v>3</v>
      </c>
      <c r="D2" s="6" t="s">
        <v>4</v>
      </c>
    </row>
    <row r="3" spans="1:6">
      <c r="A3" t="s">
        <v>1023</v>
      </c>
      <c r="B3" t="s">
        <v>354</v>
      </c>
      <c r="C3" t="s">
        <v>1024</v>
      </c>
    </row>
    <row r="4" spans="1:6">
      <c r="B4" t="s">
        <v>14</v>
      </c>
      <c r="C4" t="s">
        <v>1025</v>
      </c>
    </row>
    <row r="5" spans="1:6">
      <c r="A5" t="s">
        <v>550</v>
      </c>
      <c r="B5" t="s">
        <v>354</v>
      </c>
      <c r="C5" t="s">
        <v>1026</v>
      </c>
    </row>
    <row r="6" spans="1:6">
      <c r="B6" t="s">
        <v>14</v>
      </c>
      <c r="C6" t="s">
        <v>426</v>
      </c>
    </row>
    <row r="7" spans="1:6">
      <c r="B7" t="s">
        <v>14</v>
      </c>
      <c r="C7" t="s">
        <v>152</v>
      </c>
      <c r="D7" t="s">
        <v>153</v>
      </c>
    </row>
    <row r="8" spans="1:6">
      <c r="B8" t="s">
        <v>14</v>
      </c>
      <c r="C8" t="s">
        <v>154</v>
      </c>
      <c r="D8" t="s">
        <v>155</v>
      </c>
    </row>
    <row r="9" spans="1:6">
      <c r="B9" t="s">
        <v>14</v>
      </c>
      <c r="C9" t="s">
        <v>1027</v>
      </c>
      <c r="D9" t="s">
        <v>157</v>
      </c>
    </row>
    <row r="10" spans="1:6" ht="43.5">
      <c r="A10" s="7" t="s">
        <v>1028</v>
      </c>
      <c r="B10" t="s">
        <v>159</v>
      </c>
      <c r="C10" t="s">
        <v>1029</v>
      </c>
    </row>
    <row r="11" spans="1:6" ht="29.1">
      <c r="A11" s="7" t="s">
        <v>1030</v>
      </c>
      <c r="B11" t="s">
        <v>159</v>
      </c>
      <c r="C11" t="s">
        <v>1031</v>
      </c>
    </row>
    <row r="12" spans="1:6" ht="29.1">
      <c r="A12" s="7" t="s">
        <v>1032</v>
      </c>
      <c r="B12" t="s">
        <v>159</v>
      </c>
      <c r="C12" t="s">
        <v>1033</v>
      </c>
    </row>
    <row r="13" spans="1:6" ht="29.1">
      <c r="A13" s="7" t="s">
        <v>1034</v>
      </c>
      <c r="B13" t="s">
        <v>159</v>
      </c>
      <c r="C13" t="s">
        <v>1035</v>
      </c>
    </row>
    <row r="14" spans="1:6" ht="29.1">
      <c r="A14" s="7" t="s">
        <v>1036</v>
      </c>
      <c r="B14" t="s">
        <v>159</v>
      </c>
      <c r="C14" t="s">
        <v>1037</v>
      </c>
    </row>
    <row r="15" spans="1:6">
      <c r="A15" t="s">
        <v>1038</v>
      </c>
      <c r="B15" t="s">
        <v>159</v>
      </c>
      <c r="C15" t="s">
        <v>1039</v>
      </c>
    </row>
    <row r="16" spans="1:6">
      <c r="A16" t="s">
        <v>1040</v>
      </c>
      <c r="B16" t="s">
        <v>176</v>
      </c>
      <c r="C16" t="s">
        <v>1041</v>
      </c>
    </row>
    <row r="17" spans="1:3">
      <c r="A17" t="s">
        <v>418</v>
      </c>
      <c r="B17" t="s">
        <v>176</v>
      </c>
      <c r="C17" t="s">
        <v>1042</v>
      </c>
    </row>
    <row r="18" spans="1:3">
      <c r="A18" t="s">
        <v>1043</v>
      </c>
      <c r="B18" t="s">
        <v>176</v>
      </c>
      <c r="C18" t="s">
        <v>1044</v>
      </c>
    </row>
    <row r="19" spans="1:3">
      <c r="A19" t="s">
        <v>1038</v>
      </c>
      <c r="B19" t="s">
        <v>159</v>
      </c>
      <c r="C19" t="s">
        <v>1045</v>
      </c>
    </row>
    <row r="20" spans="1:3" ht="43.5">
      <c r="A20" s="7" t="s">
        <v>1046</v>
      </c>
      <c r="B20" t="s">
        <v>176</v>
      </c>
      <c r="C20" t="s">
        <v>1047</v>
      </c>
    </row>
    <row r="21" spans="1:3">
      <c r="A21" t="s">
        <v>1038</v>
      </c>
      <c r="B21" t="s">
        <v>159</v>
      </c>
      <c r="C21" t="s">
        <v>1048</v>
      </c>
    </row>
    <row r="22" spans="1:3" ht="43.5">
      <c r="A22" s="7" t="s">
        <v>1049</v>
      </c>
      <c r="B22" t="s">
        <v>176</v>
      </c>
      <c r="C22" t="s">
        <v>1050</v>
      </c>
    </row>
    <row r="23" spans="1:3">
      <c r="A23" t="s">
        <v>1038</v>
      </c>
      <c r="B23" t="s">
        <v>159</v>
      </c>
      <c r="C23" t="s">
        <v>1051</v>
      </c>
    </row>
    <row r="24" spans="1:3" ht="72.599999999999994">
      <c r="A24" s="7" t="s">
        <v>1052</v>
      </c>
      <c r="B24" t="s">
        <v>176</v>
      </c>
      <c r="C24" t="s">
        <v>1053</v>
      </c>
    </row>
    <row r="25" spans="1:3">
      <c r="A25" t="s">
        <v>1038</v>
      </c>
      <c r="B25" t="s">
        <v>159</v>
      </c>
      <c r="C25" t="s">
        <v>1054</v>
      </c>
    </row>
    <row r="26" spans="1:3" ht="29.1">
      <c r="A26" s="7" t="s">
        <v>1055</v>
      </c>
      <c r="B26" t="s">
        <v>354</v>
      </c>
      <c r="C26" t="s">
        <v>1056</v>
      </c>
    </row>
    <row r="27" spans="1:3">
      <c r="B27" t="s">
        <v>14</v>
      </c>
      <c r="C27" t="s">
        <v>1057</v>
      </c>
    </row>
    <row r="28" spans="1:3" ht="29.1">
      <c r="A28" s="7" t="s">
        <v>1055</v>
      </c>
      <c r="B28" t="s">
        <v>176</v>
      </c>
      <c r="C28" s="7" t="s">
        <v>1058</v>
      </c>
    </row>
    <row r="29" spans="1:3">
      <c r="A29" t="s">
        <v>1038</v>
      </c>
      <c r="B29" t="s">
        <v>159</v>
      </c>
      <c r="C29" t="s">
        <v>1059</v>
      </c>
    </row>
    <row r="30" spans="1:3" ht="29.1">
      <c r="A30" s="7" t="s">
        <v>440</v>
      </c>
      <c r="B30" t="s">
        <v>176</v>
      </c>
      <c r="C30" t="s">
        <v>1060</v>
      </c>
    </row>
    <row r="31" spans="1:3">
      <c r="A31" t="s">
        <v>1061</v>
      </c>
      <c r="B31" t="s">
        <v>159</v>
      </c>
      <c r="C31" t="s">
        <v>1062</v>
      </c>
    </row>
    <row r="32" spans="1:3">
      <c r="A32" t="s">
        <v>1063</v>
      </c>
      <c r="B32" t="s">
        <v>159</v>
      </c>
      <c r="C32" t="s">
        <v>1064</v>
      </c>
    </row>
    <row r="33" spans="1:3">
      <c r="A33" t="s">
        <v>1065</v>
      </c>
      <c r="B33" t="s">
        <v>159</v>
      </c>
      <c r="C33" t="s">
        <v>1066</v>
      </c>
    </row>
    <row r="34" spans="1:3">
      <c r="A34" t="s">
        <v>1067</v>
      </c>
      <c r="B34" t="s">
        <v>159</v>
      </c>
      <c r="C34" t="s">
        <v>1068</v>
      </c>
    </row>
    <row r="35" spans="1:3" ht="29.1">
      <c r="A35" s="7" t="s">
        <v>1069</v>
      </c>
      <c r="B35" t="s">
        <v>159</v>
      </c>
      <c r="C35" t="s">
        <v>1070</v>
      </c>
    </row>
    <row r="36" spans="1:3" ht="29.1">
      <c r="A36" s="7" t="s">
        <v>1071</v>
      </c>
      <c r="B36" t="s">
        <v>159</v>
      </c>
      <c r="C36" t="s">
        <v>1072</v>
      </c>
    </row>
    <row r="37" spans="1:3" ht="29.1">
      <c r="A37" s="7" t="s">
        <v>1073</v>
      </c>
      <c r="B37" t="s">
        <v>159</v>
      </c>
      <c r="C37" t="s">
        <v>1074</v>
      </c>
    </row>
    <row r="38" spans="1:3" ht="43.5">
      <c r="A38" s="7" t="s">
        <v>1075</v>
      </c>
      <c r="B38" t="s">
        <v>159</v>
      </c>
      <c r="C38" t="s">
        <v>1076</v>
      </c>
    </row>
    <row r="39" spans="1:3">
      <c r="A39" t="s">
        <v>1077</v>
      </c>
      <c r="B39" t="s">
        <v>159</v>
      </c>
      <c r="C39" t="s">
        <v>1078</v>
      </c>
    </row>
    <row r="40" spans="1:3">
      <c r="A40" t="s">
        <v>1079</v>
      </c>
      <c r="B40" t="s">
        <v>159</v>
      </c>
      <c r="C40" t="s">
        <v>1080</v>
      </c>
    </row>
  </sheetData>
  <mergeCells count="1">
    <mergeCell ref="A1:F1"/>
  </mergeCells>
  <pageMargins left="0.7" right="0.7" top="0.75" bottom="0.75" header="0.3" footer="0.3"/>
  <pageSetup orientation="portrait" horizontalDpi="200" verticalDpi="200"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46A7DB-76F0-4465-81BD-D83023991B62}">
  <dimension ref="A1:F21"/>
  <sheetViews>
    <sheetView workbookViewId="0">
      <selection activeCell="A22" sqref="A22"/>
    </sheetView>
  </sheetViews>
  <sheetFormatPr defaultRowHeight="14.45"/>
  <cols>
    <col min="1" max="1" width="45.42578125" customWidth="1"/>
    <col min="2" max="2" width="15.42578125" customWidth="1"/>
    <col min="3" max="3" width="42.140625" customWidth="1"/>
    <col min="4" max="4" width="9.7109375" customWidth="1"/>
  </cols>
  <sheetData>
    <row r="1" spans="1:6" ht="18.600000000000001">
      <c r="A1" s="73" t="s">
        <v>1081</v>
      </c>
      <c r="B1" s="73"/>
      <c r="C1" s="73"/>
      <c r="D1" s="73"/>
      <c r="E1" s="73"/>
      <c r="F1" s="73"/>
    </row>
    <row r="2" spans="1:6">
      <c r="A2" s="6" t="s">
        <v>1</v>
      </c>
      <c r="B2" s="6" t="s">
        <v>2</v>
      </c>
      <c r="C2" s="6" t="s">
        <v>3</v>
      </c>
      <c r="D2" s="6" t="s">
        <v>4</v>
      </c>
    </row>
    <row r="3" spans="1:6" ht="29.1">
      <c r="A3" t="s">
        <v>1082</v>
      </c>
      <c r="B3" t="s">
        <v>1083</v>
      </c>
      <c r="C3" s="7" t="s">
        <v>1084</v>
      </c>
    </row>
    <row r="4" spans="1:6">
      <c r="B4" t="s">
        <v>1085</v>
      </c>
      <c r="C4" t="s">
        <v>1086</v>
      </c>
      <c r="D4" t="s">
        <v>178</v>
      </c>
    </row>
    <row r="5" spans="1:6">
      <c r="B5" t="s">
        <v>1085</v>
      </c>
      <c r="C5" t="s">
        <v>1087</v>
      </c>
      <c r="D5" t="s">
        <v>180</v>
      </c>
    </row>
    <row r="6" spans="1:6" ht="29.1">
      <c r="A6" s="7" t="s">
        <v>1088</v>
      </c>
      <c r="B6" t="s">
        <v>1083</v>
      </c>
      <c r="C6" t="s">
        <v>1089</v>
      </c>
      <c r="D6" t="s">
        <v>178</v>
      </c>
    </row>
    <row r="7" spans="1:6">
      <c r="B7" t="s">
        <v>172</v>
      </c>
      <c r="C7" t="s">
        <v>1090</v>
      </c>
      <c r="D7" t="s">
        <v>180</v>
      </c>
    </row>
    <row r="8" spans="1:6" ht="29.1">
      <c r="A8" t="s">
        <v>1091</v>
      </c>
      <c r="B8" t="s">
        <v>1083</v>
      </c>
      <c r="C8" s="7" t="s">
        <v>1092</v>
      </c>
    </row>
    <row r="9" spans="1:6">
      <c r="B9" t="s">
        <v>172</v>
      </c>
      <c r="C9" t="s">
        <v>1093</v>
      </c>
      <c r="D9" t="s">
        <v>178</v>
      </c>
    </row>
    <row r="10" spans="1:6">
      <c r="B10" t="s">
        <v>172</v>
      </c>
      <c r="C10" t="s">
        <v>1094</v>
      </c>
      <c r="D10" t="s">
        <v>180</v>
      </c>
    </row>
    <row r="11" spans="1:6" ht="29.1">
      <c r="A11" s="7" t="s">
        <v>1095</v>
      </c>
      <c r="B11" t="s">
        <v>1083</v>
      </c>
      <c r="C11" s="7" t="s">
        <v>1096</v>
      </c>
    </row>
    <row r="12" spans="1:6">
      <c r="B12" t="s">
        <v>172</v>
      </c>
      <c r="C12" t="s">
        <v>1097</v>
      </c>
      <c r="D12" t="s">
        <v>178</v>
      </c>
    </row>
    <row r="13" spans="1:6">
      <c r="B13" t="s">
        <v>172</v>
      </c>
      <c r="C13" t="s">
        <v>1098</v>
      </c>
      <c r="D13" t="s">
        <v>180</v>
      </c>
    </row>
    <row r="14" spans="1:6" ht="29.1">
      <c r="A14" s="7" t="s">
        <v>1099</v>
      </c>
      <c r="B14" t="s">
        <v>1083</v>
      </c>
      <c r="C14" s="7" t="s">
        <v>1100</v>
      </c>
    </row>
    <row r="15" spans="1:6">
      <c r="B15" t="s">
        <v>172</v>
      </c>
      <c r="C15" t="s">
        <v>1101</v>
      </c>
      <c r="D15" t="s">
        <v>178</v>
      </c>
    </row>
    <row r="16" spans="1:6">
      <c r="B16" t="s">
        <v>172</v>
      </c>
      <c r="C16" t="s">
        <v>1102</v>
      </c>
      <c r="D16" t="s">
        <v>180</v>
      </c>
    </row>
    <row r="17" spans="1:4">
      <c r="A17" t="s">
        <v>1103</v>
      </c>
      <c r="B17" t="s">
        <v>354</v>
      </c>
      <c r="C17" t="s">
        <v>1104</v>
      </c>
    </row>
    <row r="18" spans="1:4">
      <c r="B18" t="s">
        <v>14</v>
      </c>
      <c r="C18" t="s">
        <v>1105</v>
      </c>
    </row>
    <row r="19" spans="1:4" ht="29.1">
      <c r="A19" s="7" t="s">
        <v>1106</v>
      </c>
      <c r="B19" t="s">
        <v>1083</v>
      </c>
      <c r="C19" s="7" t="s">
        <v>1107</v>
      </c>
    </row>
    <row r="20" spans="1:4">
      <c r="B20" t="s">
        <v>172</v>
      </c>
      <c r="C20" t="s">
        <v>1108</v>
      </c>
      <c r="D20" t="s">
        <v>178</v>
      </c>
    </row>
    <row r="21" spans="1:4">
      <c r="B21" t="s">
        <v>172</v>
      </c>
      <c r="C21" t="s">
        <v>1109</v>
      </c>
      <c r="D21" t="s">
        <v>180</v>
      </c>
    </row>
  </sheetData>
  <mergeCells count="1">
    <mergeCell ref="A1:F1"/>
  </mergeCells>
  <pageMargins left="0.7" right="0.7" top="0.75" bottom="0.75" header="0.3" footer="0.3"/>
  <pageSetup orientation="portrait" horizontalDpi="200" verticalDpi="200"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56AA9F9-A208-4DCA-9267-770094726205}">
  <dimension ref="A1:F38"/>
  <sheetViews>
    <sheetView workbookViewId="0">
      <selection activeCell="E3" sqref="E3"/>
    </sheetView>
  </sheetViews>
  <sheetFormatPr defaultRowHeight="14.45"/>
  <cols>
    <col min="1" max="1" width="36.28515625" customWidth="1"/>
    <col min="2" max="2" width="17.85546875" customWidth="1"/>
    <col min="3" max="3" width="39.85546875" customWidth="1"/>
    <col min="4" max="4" width="14.7109375" customWidth="1"/>
  </cols>
  <sheetData>
    <row r="1" spans="1:6" ht="18.600000000000001">
      <c r="A1" s="73" t="s">
        <v>1110</v>
      </c>
      <c r="B1" s="73"/>
      <c r="C1" s="73"/>
      <c r="D1" s="73"/>
      <c r="E1" s="73"/>
      <c r="F1" s="73"/>
    </row>
    <row r="2" spans="1:6">
      <c r="A2" s="6" t="s">
        <v>1</v>
      </c>
      <c r="B2" s="6" t="s">
        <v>2</v>
      </c>
      <c r="C2" s="6" t="s">
        <v>3</v>
      </c>
      <c r="D2" s="6" t="s">
        <v>4</v>
      </c>
    </row>
    <row r="3" spans="1:6">
      <c r="A3" s="3" t="s">
        <v>1111</v>
      </c>
      <c r="B3" t="s">
        <v>354</v>
      </c>
      <c r="C3" s="3" t="s">
        <v>1112</v>
      </c>
    </row>
    <row r="4" spans="1:6">
      <c r="A4" s="3"/>
      <c r="C4" s="3" t="s">
        <v>283</v>
      </c>
      <c r="D4" t="s">
        <v>153</v>
      </c>
    </row>
    <row r="5" spans="1:6">
      <c r="B5" t="s">
        <v>1113</v>
      </c>
      <c r="C5" s="3" t="s">
        <v>1114</v>
      </c>
      <c r="D5" t="s">
        <v>1115</v>
      </c>
    </row>
    <row r="6" spans="1:6">
      <c r="B6" t="s">
        <v>1113</v>
      </c>
      <c r="C6" s="3" t="s">
        <v>1116</v>
      </c>
      <c r="D6" t="s">
        <v>1117</v>
      </c>
    </row>
    <row r="7" spans="1:6">
      <c r="B7" t="s">
        <v>1113</v>
      </c>
      <c r="C7" s="3" t="s">
        <v>1118</v>
      </c>
      <c r="D7" t="s">
        <v>155</v>
      </c>
    </row>
    <row r="8" spans="1:6">
      <c r="B8" t="s">
        <v>1113</v>
      </c>
      <c r="C8" s="3" t="s">
        <v>1119</v>
      </c>
      <c r="D8" t="s">
        <v>157</v>
      </c>
    </row>
    <row r="9" spans="1:6">
      <c r="A9" s="3" t="s">
        <v>1120</v>
      </c>
      <c r="B9" s="3" t="s">
        <v>676</v>
      </c>
      <c r="C9" s="3" t="s">
        <v>1121</v>
      </c>
    </row>
    <row r="10" spans="1:6" ht="24.95">
      <c r="A10" s="4" t="s">
        <v>1122</v>
      </c>
      <c r="B10" t="s">
        <v>679</v>
      </c>
      <c r="C10" s="3" t="s">
        <v>1123</v>
      </c>
      <c r="D10" s="3" t="s">
        <v>1124</v>
      </c>
    </row>
    <row r="11" spans="1:6" ht="24.95">
      <c r="A11" s="4" t="s">
        <v>1125</v>
      </c>
      <c r="B11" t="s">
        <v>679</v>
      </c>
      <c r="C11" s="3" t="s">
        <v>1126</v>
      </c>
      <c r="D11" t="s">
        <v>1127</v>
      </c>
    </row>
    <row r="12" spans="1:6" ht="24.95">
      <c r="A12" s="4" t="s">
        <v>1128</v>
      </c>
      <c r="B12" t="s">
        <v>1129</v>
      </c>
      <c r="C12" s="3" t="s">
        <v>1130</v>
      </c>
    </row>
    <row r="13" spans="1:6">
      <c r="A13" s="3" t="s">
        <v>1131</v>
      </c>
      <c r="B13" t="s">
        <v>1129</v>
      </c>
      <c r="C13" s="3" t="s">
        <v>1132</v>
      </c>
    </row>
    <row r="14" spans="1:6">
      <c r="A14" s="3" t="s">
        <v>1133</v>
      </c>
      <c r="B14" t="s">
        <v>1129</v>
      </c>
      <c r="C14" s="3" t="s">
        <v>1134</v>
      </c>
    </row>
    <row r="15" spans="1:6" ht="37.5">
      <c r="A15" s="4" t="s">
        <v>1135</v>
      </c>
      <c r="B15" t="s">
        <v>1129</v>
      </c>
      <c r="C15" s="3" t="s">
        <v>1136</v>
      </c>
    </row>
    <row r="16" spans="1:6" ht="37.5">
      <c r="A16" s="4" t="s">
        <v>1137</v>
      </c>
      <c r="B16" t="s">
        <v>1129</v>
      </c>
      <c r="C16" s="3" t="s">
        <v>1138</v>
      </c>
    </row>
    <row r="17" spans="1:4" ht="24.95">
      <c r="A17" s="4" t="s">
        <v>1139</v>
      </c>
      <c r="B17" t="s">
        <v>1129</v>
      </c>
      <c r="C17" s="3" t="s">
        <v>1140</v>
      </c>
    </row>
    <row r="18" spans="1:4">
      <c r="A18" s="3" t="s">
        <v>1141</v>
      </c>
      <c r="B18" s="3" t="s">
        <v>676</v>
      </c>
      <c r="C18" s="3" t="s">
        <v>1142</v>
      </c>
    </row>
    <row r="19" spans="1:4" ht="37.5">
      <c r="A19" s="4" t="s">
        <v>1143</v>
      </c>
      <c r="B19" s="3" t="s">
        <v>172</v>
      </c>
      <c r="C19" s="3" t="s">
        <v>1144</v>
      </c>
      <c r="D19" t="s">
        <v>189</v>
      </c>
    </row>
    <row r="20" spans="1:4" ht="87.6">
      <c r="A20" s="4" t="s">
        <v>1145</v>
      </c>
      <c r="B20" s="3" t="s">
        <v>172</v>
      </c>
      <c r="C20" s="3" t="s">
        <v>1146</v>
      </c>
      <c r="D20" t="s">
        <v>190</v>
      </c>
    </row>
    <row r="21" spans="1:4" ht="62.45">
      <c r="A21" s="4" t="s">
        <v>1147</v>
      </c>
      <c r="B21" s="3" t="s">
        <v>172</v>
      </c>
      <c r="C21" s="3" t="s">
        <v>1148</v>
      </c>
      <c r="D21" t="s">
        <v>571</v>
      </c>
    </row>
    <row r="22" spans="1:4" ht="24.95">
      <c r="A22" s="4" t="s">
        <v>1149</v>
      </c>
      <c r="B22" s="3" t="s">
        <v>172</v>
      </c>
      <c r="C22" s="3" t="s">
        <v>1150</v>
      </c>
      <c r="D22" t="s">
        <v>573</v>
      </c>
    </row>
    <row r="23" spans="1:4" ht="50.1">
      <c r="A23" s="4" t="s">
        <v>1151</v>
      </c>
      <c r="B23" s="3" t="s">
        <v>172</v>
      </c>
      <c r="C23" s="3" t="s">
        <v>1152</v>
      </c>
      <c r="D23" t="s">
        <v>299</v>
      </c>
    </row>
    <row r="24" spans="1:4" ht="75">
      <c r="A24" s="4" t="s">
        <v>1153</v>
      </c>
      <c r="B24" s="3" t="s">
        <v>172</v>
      </c>
      <c r="C24" s="3" t="s">
        <v>1154</v>
      </c>
      <c r="D24" t="s">
        <v>303</v>
      </c>
    </row>
    <row r="25" spans="1:4">
      <c r="A25" s="3" t="s">
        <v>1155</v>
      </c>
      <c r="B25" s="3" t="s">
        <v>354</v>
      </c>
      <c r="C25" s="3" t="s">
        <v>1156</v>
      </c>
    </row>
    <row r="26" spans="1:4" ht="37.5">
      <c r="A26" s="4" t="s">
        <v>1157</v>
      </c>
      <c r="B26" s="3" t="s">
        <v>1129</v>
      </c>
      <c r="C26" s="3" t="s">
        <v>1158</v>
      </c>
    </row>
    <row r="27" spans="1:4" ht="37.5">
      <c r="A27" s="4" t="s">
        <v>1159</v>
      </c>
      <c r="B27" s="3" t="s">
        <v>1129</v>
      </c>
      <c r="C27" s="3" t="s">
        <v>1160</v>
      </c>
    </row>
    <row r="28" spans="1:4" ht="62.45">
      <c r="A28" s="4" t="s">
        <v>1161</v>
      </c>
      <c r="B28" s="3" t="s">
        <v>1129</v>
      </c>
      <c r="C28" s="3" t="s">
        <v>1162</v>
      </c>
    </row>
    <row r="29" spans="1:4" ht="37.5">
      <c r="A29" s="4" t="s">
        <v>1163</v>
      </c>
      <c r="B29" s="3" t="s">
        <v>1129</v>
      </c>
      <c r="C29" s="3" t="s">
        <v>1164</v>
      </c>
    </row>
    <row r="30" spans="1:4" ht="24.95">
      <c r="A30" s="4" t="s">
        <v>1165</v>
      </c>
      <c r="B30" s="3" t="s">
        <v>1129</v>
      </c>
      <c r="C30" s="3" t="s">
        <v>1166</v>
      </c>
    </row>
    <row r="31" spans="1:4" ht="24.95">
      <c r="A31" s="4" t="s">
        <v>1167</v>
      </c>
      <c r="B31" s="3" t="s">
        <v>1129</v>
      </c>
      <c r="C31" s="3" t="s">
        <v>1168</v>
      </c>
    </row>
    <row r="32" spans="1:4">
      <c r="A32" s="3" t="s">
        <v>1169</v>
      </c>
      <c r="B32" s="3" t="s">
        <v>1129</v>
      </c>
      <c r="C32" s="3" t="s">
        <v>1170</v>
      </c>
    </row>
    <row r="33" spans="1:3" ht="24.95">
      <c r="A33" s="4" t="s">
        <v>1171</v>
      </c>
      <c r="B33" s="3" t="s">
        <v>1129</v>
      </c>
      <c r="C33" s="3" t="s">
        <v>1172</v>
      </c>
    </row>
    <row r="34" spans="1:3" ht="37.5">
      <c r="A34" s="9" t="s">
        <v>1173</v>
      </c>
      <c r="B34" s="3" t="s">
        <v>1129</v>
      </c>
      <c r="C34" s="3" t="s">
        <v>1174</v>
      </c>
    </row>
    <row r="35" spans="1:3" ht="50.1">
      <c r="A35" s="4" t="s">
        <v>1175</v>
      </c>
      <c r="B35" s="3" t="s">
        <v>1129</v>
      </c>
      <c r="C35" s="3" t="s">
        <v>1176</v>
      </c>
    </row>
    <row r="36" spans="1:3" ht="24.95">
      <c r="A36" s="4" t="s">
        <v>1177</v>
      </c>
      <c r="B36" s="3" t="s">
        <v>1129</v>
      </c>
      <c r="C36" s="3" t="s">
        <v>1178</v>
      </c>
    </row>
    <row r="37" spans="1:3" ht="37.5">
      <c r="A37" s="4" t="s">
        <v>1179</v>
      </c>
      <c r="B37" s="3" t="s">
        <v>1129</v>
      </c>
      <c r="C37" s="3" t="s">
        <v>1180</v>
      </c>
    </row>
    <row r="38" spans="1:3">
      <c r="A38" s="3" t="s">
        <v>1181</v>
      </c>
      <c r="B38" s="3" t="s">
        <v>176</v>
      </c>
      <c r="C38" s="3" t="s">
        <v>1182</v>
      </c>
    </row>
  </sheetData>
  <mergeCells count="1">
    <mergeCell ref="A1:F1"/>
  </mergeCells>
  <pageMargins left="0.7" right="0.7" top="0.75" bottom="0.75" header="0.3" footer="0.3"/>
  <pageSetup orientation="portrait" horizontalDpi="300" verticalDpi="0" copies="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A9F869-4DED-4B23-8D5C-B7BE3F1A76F2}">
  <dimension ref="A1:F150"/>
  <sheetViews>
    <sheetView zoomScale="110" zoomScaleNormal="110" workbookViewId="0">
      <selection activeCell="E6" sqref="E6"/>
    </sheetView>
  </sheetViews>
  <sheetFormatPr defaultRowHeight="14.45"/>
  <cols>
    <col min="1" max="1" width="67.28515625" bestFit="1" customWidth="1"/>
    <col min="2" max="2" width="19.5703125" customWidth="1"/>
    <col min="3" max="3" width="37" customWidth="1"/>
    <col min="4" max="4" width="15.28515625" customWidth="1"/>
    <col min="5" max="5" width="34.5703125" bestFit="1" customWidth="1"/>
    <col min="6" max="6" width="9.140625" customWidth="1"/>
  </cols>
  <sheetData>
    <row r="1" spans="1:6" ht="18.600000000000001">
      <c r="A1" s="73" t="s">
        <v>167</v>
      </c>
      <c r="B1" s="73"/>
      <c r="C1" s="73"/>
      <c r="D1" s="73"/>
      <c r="E1" s="73"/>
      <c r="F1" s="73"/>
    </row>
    <row r="2" spans="1:6">
      <c r="A2" s="6" t="s">
        <v>1</v>
      </c>
      <c r="B2" s="6" t="s">
        <v>2</v>
      </c>
      <c r="C2" s="6" t="s">
        <v>3</v>
      </c>
      <c r="D2" s="6" t="s">
        <v>4</v>
      </c>
      <c r="E2" s="6" t="s">
        <v>5</v>
      </c>
    </row>
    <row r="3" spans="1:6">
      <c r="A3" s="3" t="s">
        <v>148</v>
      </c>
      <c r="B3" s="3" t="s">
        <v>168</v>
      </c>
      <c r="C3" s="3" t="s">
        <v>169</v>
      </c>
      <c r="E3" t="s">
        <v>170</v>
      </c>
    </row>
    <row r="4" spans="1:6">
      <c r="B4" s="3" t="s">
        <v>168</v>
      </c>
      <c r="C4" s="3" t="s">
        <v>149</v>
      </c>
      <c r="E4" s="3" t="s">
        <v>150</v>
      </c>
    </row>
    <row r="5" spans="1:6">
      <c r="B5" s="3" t="s">
        <v>168</v>
      </c>
      <c r="C5" s="3" t="s">
        <v>151</v>
      </c>
      <c r="E5" s="3" t="s">
        <v>171</v>
      </c>
    </row>
    <row r="6" spans="1:6">
      <c r="B6" s="3" t="s">
        <v>172</v>
      </c>
      <c r="D6" t="s">
        <v>153</v>
      </c>
      <c r="E6" s="52" t="s">
        <v>173</v>
      </c>
    </row>
    <row r="7" spans="1:6">
      <c r="B7" s="3" t="s">
        <v>172</v>
      </c>
      <c r="D7" t="s">
        <v>155</v>
      </c>
      <c r="E7" s="52" t="s">
        <v>174</v>
      </c>
    </row>
    <row r="8" spans="1:6">
      <c r="B8" s="3" t="s">
        <v>172</v>
      </c>
      <c r="D8" t="s">
        <v>157</v>
      </c>
      <c r="E8" s="52" t="s">
        <v>175</v>
      </c>
    </row>
    <row r="9" spans="1:6">
      <c r="A9" s="3" t="s">
        <v>6</v>
      </c>
      <c r="B9" s="3" t="s">
        <v>176</v>
      </c>
      <c r="C9" s="3" t="s">
        <v>8</v>
      </c>
      <c r="E9" s="3" t="s">
        <v>9</v>
      </c>
    </row>
    <row r="10" spans="1:6">
      <c r="B10" s="3" t="s">
        <v>176</v>
      </c>
      <c r="C10" s="3" t="s">
        <v>10</v>
      </c>
      <c r="E10" s="3" t="s">
        <v>11</v>
      </c>
    </row>
    <row r="11" spans="1:6">
      <c r="B11" s="3" t="s">
        <v>176</v>
      </c>
      <c r="C11" s="3" t="s">
        <v>12</v>
      </c>
      <c r="E11" s="3" t="s">
        <v>13</v>
      </c>
    </row>
    <row r="12" spans="1:6">
      <c r="B12" s="10" t="s">
        <v>177</v>
      </c>
      <c r="D12" s="3" t="s">
        <v>178</v>
      </c>
      <c r="E12" s="3" t="s">
        <v>15</v>
      </c>
    </row>
    <row r="13" spans="1:6">
      <c r="B13" s="10" t="s">
        <v>179</v>
      </c>
      <c r="D13" t="s">
        <v>180</v>
      </c>
      <c r="E13" s="3" t="s">
        <v>17</v>
      </c>
    </row>
    <row r="14" spans="1:6">
      <c r="A14" s="52" t="s">
        <v>181</v>
      </c>
      <c r="B14" s="3" t="s">
        <v>176</v>
      </c>
      <c r="C14" s="3" t="s">
        <v>182</v>
      </c>
      <c r="E14" s="3"/>
    </row>
    <row r="15" spans="1:6">
      <c r="B15" s="3" t="s">
        <v>176</v>
      </c>
      <c r="C15" s="3" t="s">
        <v>183</v>
      </c>
      <c r="E15" s="3"/>
    </row>
    <row r="16" spans="1:6">
      <c r="B16" s="3" t="s">
        <v>176</v>
      </c>
      <c r="C16" s="3" t="s">
        <v>184</v>
      </c>
      <c r="E16" s="3"/>
    </row>
    <row r="17" spans="1:5">
      <c r="A17" s="4"/>
      <c r="B17" s="10" t="s">
        <v>177</v>
      </c>
      <c r="D17" s="3" t="s">
        <v>178</v>
      </c>
      <c r="E17" s="3"/>
    </row>
    <row r="18" spans="1:5">
      <c r="B18" s="10" t="s">
        <v>179</v>
      </c>
      <c r="D18" t="s">
        <v>180</v>
      </c>
      <c r="E18" s="3"/>
    </row>
    <row r="19" spans="1:5">
      <c r="A19" s="52" t="s">
        <v>185</v>
      </c>
      <c r="B19" s="3" t="s">
        <v>168</v>
      </c>
      <c r="C19" s="3" t="s">
        <v>186</v>
      </c>
    </row>
    <row r="20" spans="1:5">
      <c r="B20" s="3" t="s">
        <v>168</v>
      </c>
      <c r="C20" s="3" t="s">
        <v>187</v>
      </c>
      <c r="E20" s="3"/>
    </row>
    <row r="21" spans="1:5">
      <c r="A21" s="4"/>
      <c r="B21" s="3" t="s">
        <v>168</v>
      </c>
      <c r="C21" s="3" t="s">
        <v>188</v>
      </c>
      <c r="E21" s="3"/>
    </row>
    <row r="22" spans="1:5">
      <c r="B22" s="3" t="s">
        <v>172</v>
      </c>
      <c r="D22" t="s">
        <v>189</v>
      </c>
      <c r="E22" s="52"/>
    </row>
    <row r="23" spans="1:5">
      <c r="B23" s="3" t="s">
        <v>172</v>
      </c>
      <c r="D23" t="s">
        <v>190</v>
      </c>
      <c r="E23" s="52"/>
    </row>
    <row r="24" spans="1:5">
      <c r="B24" s="3" t="s">
        <v>172</v>
      </c>
      <c r="D24" t="s">
        <v>178</v>
      </c>
      <c r="E24" s="52"/>
    </row>
    <row r="25" spans="1:5">
      <c r="A25" s="52" t="s">
        <v>191</v>
      </c>
      <c r="B25" s="3" t="s">
        <v>176</v>
      </c>
      <c r="C25" s="3" t="s">
        <v>192</v>
      </c>
      <c r="E25" s="3"/>
    </row>
    <row r="26" spans="1:5">
      <c r="B26" s="3" t="s">
        <v>176</v>
      </c>
      <c r="C26" s="3" t="s">
        <v>193</v>
      </c>
      <c r="E26" s="3"/>
    </row>
    <row r="27" spans="1:5">
      <c r="B27" s="3" t="s">
        <v>176</v>
      </c>
      <c r="C27" s="3" t="s">
        <v>194</v>
      </c>
      <c r="E27" s="3"/>
    </row>
    <row r="28" spans="1:5">
      <c r="B28" s="10" t="s">
        <v>177</v>
      </c>
      <c r="D28" s="3" t="s">
        <v>178</v>
      </c>
      <c r="E28" s="3"/>
    </row>
    <row r="29" spans="1:5">
      <c r="A29" s="3"/>
      <c r="B29" s="10" t="s">
        <v>179</v>
      </c>
      <c r="D29" t="s">
        <v>180</v>
      </c>
      <c r="E29" s="3"/>
    </row>
    <row r="30" spans="1:5">
      <c r="A30" s="52" t="s">
        <v>195</v>
      </c>
      <c r="B30" s="10" t="s">
        <v>20</v>
      </c>
      <c r="C30" s="3" t="s">
        <v>196</v>
      </c>
    </row>
    <row r="31" spans="1:5">
      <c r="B31" s="10" t="s">
        <v>20</v>
      </c>
      <c r="C31" s="3" t="s">
        <v>197</v>
      </c>
    </row>
    <row r="32" spans="1:5">
      <c r="B32" s="10" t="s">
        <v>20</v>
      </c>
      <c r="C32" s="3" t="s">
        <v>198</v>
      </c>
    </row>
    <row r="33" spans="1:3">
      <c r="A33" s="52" t="s">
        <v>199</v>
      </c>
      <c r="B33" s="10" t="s">
        <v>20</v>
      </c>
      <c r="C33" s="3" t="s">
        <v>200</v>
      </c>
    </row>
    <row r="34" spans="1:3">
      <c r="B34" s="10" t="s">
        <v>20</v>
      </c>
      <c r="C34" s="3" t="s">
        <v>201</v>
      </c>
    </row>
    <row r="35" spans="1:3">
      <c r="B35" s="10" t="s">
        <v>20</v>
      </c>
      <c r="C35" s="3" t="s">
        <v>202</v>
      </c>
    </row>
    <row r="36" spans="1:3">
      <c r="A36" s="53" t="s">
        <v>203</v>
      </c>
      <c r="B36" s="10" t="s">
        <v>20</v>
      </c>
      <c r="C36" s="3" t="s">
        <v>204</v>
      </c>
    </row>
    <row r="37" spans="1:3">
      <c r="A37" s="4"/>
      <c r="B37" s="10" t="s">
        <v>20</v>
      </c>
      <c r="C37" s="3" t="s">
        <v>205</v>
      </c>
    </row>
    <row r="38" spans="1:3">
      <c r="B38" s="10" t="s">
        <v>20</v>
      </c>
      <c r="C38" s="3" t="s">
        <v>206</v>
      </c>
    </row>
    <row r="39" spans="1:3">
      <c r="A39" s="53" t="s">
        <v>207</v>
      </c>
      <c r="B39" s="10" t="s">
        <v>20</v>
      </c>
      <c r="C39" s="3" t="s">
        <v>208</v>
      </c>
    </row>
    <row r="40" spans="1:3">
      <c r="B40" s="10" t="s">
        <v>20</v>
      </c>
      <c r="C40" s="3" t="s">
        <v>209</v>
      </c>
    </row>
    <row r="41" spans="1:3">
      <c r="A41" s="4"/>
      <c r="B41" s="10" t="s">
        <v>20</v>
      </c>
      <c r="C41" s="3" t="s">
        <v>210</v>
      </c>
    </row>
    <row r="42" spans="1:3">
      <c r="A42" s="52" t="s">
        <v>211</v>
      </c>
      <c r="B42" s="10" t="s">
        <v>20</v>
      </c>
      <c r="C42" s="3" t="s">
        <v>212</v>
      </c>
    </row>
    <row r="43" spans="1:3">
      <c r="B43" s="10" t="s">
        <v>20</v>
      </c>
      <c r="C43" s="3" t="s">
        <v>213</v>
      </c>
    </row>
    <row r="44" spans="1:3">
      <c r="B44" s="10" t="s">
        <v>20</v>
      </c>
      <c r="C44" s="3" t="s">
        <v>214</v>
      </c>
    </row>
    <row r="45" spans="1:3">
      <c r="A45" s="3" t="s">
        <v>215</v>
      </c>
      <c r="B45" s="10" t="s">
        <v>20</v>
      </c>
      <c r="C45" s="3" t="s">
        <v>216</v>
      </c>
    </row>
    <row r="46" spans="1:3">
      <c r="B46" s="10" t="s">
        <v>20</v>
      </c>
      <c r="C46" s="3" t="s">
        <v>217</v>
      </c>
    </row>
    <row r="47" spans="1:3">
      <c r="B47" s="10" t="s">
        <v>20</v>
      </c>
      <c r="C47" s="3" t="s">
        <v>218</v>
      </c>
    </row>
    <row r="48" spans="1:3">
      <c r="A48" s="52" t="s">
        <v>219</v>
      </c>
      <c r="B48" s="10" t="s">
        <v>20</v>
      </c>
      <c r="C48" s="3" t="s">
        <v>220</v>
      </c>
    </row>
    <row r="49" spans="1:5">
      <c r="A49" s="4"/>
      <c r="B49" s="10" t="s">
        <v>20</v>
      </c>
      <c r="C49" s="3" t="s">
        <v>221</v>
      </c>
    </row>
    <row r="50" spans="1:5">
      <c r="B50" s="10" t="s">
        <v>20</v>
      </c>
      <c r="C50" s="3" t="s">
        <v>222</v>
      </c>
    </row>
    <row r="51" spans="1:5">
      <c r="A51" s="52" t="s">
        <v>223</v>
      </c>
      <c r="B51" s="10" t="s">
        <v>20</v>
      </c>
      <c r="C51" s="3" t="s">
        <v>224</v>
      </c>
    </row>
    <row r="52" spans="1:5">
      <c r="B52" s="10" t="s">
        <v>20</v>
      </c>
      <c r="C52" s="3" t="s">
        <v>225</v>
      </c>
    </row>
    <row r="53" spans="1:5">
      <c r="A53" s="4"/>
      <c r="B53" s="10" t="s">
        <v>20</v>
      </c>
      <c r="C53" s="3" t="s">
        <v>226</v>
      </c>
    </row>
    <row r="54" spans="1:5">
      <c r="A54" s="52" t="s">
        <v>227</v>
      </c>
      <c r="B54" s="10" t="s">
        <v>20</v>
      </c>
      <c r="C54" s="3" t="s">
        <v>164</v>
      </c>
    </row>
    <row r="55" spans="1:5">
      <c r="B55" s="10" t="s">
        <v>20</v>
      </c>
      <c r="C55" s="3" t="s">
        <v>165</v>
      </c>
    </row>
    <row r="56" spans="1:5">
      <c r="B56" s="10" t="s">
        <v>20</v>
      </c>
      <c r="C56" s="3" t="s">
        <v>166</v>
      </c>
    </row>
    <row r="57" spans="1:5">
      <c r="A57" s="55" t="s">
        <v>228</v>
      </c>
      <c r="B57" s="10" t="s">
        <v>20</v>
      </c>
      <c r="C57" s="3" t="s">
        <v>229</v>
      </c>
    </row>
    <row r="58" spans="1:5">
      <c r="B58" s="10" t="s">
        <v>20</v>
      </c>
      <c r="C58" s="3" t="s">
        <v>230</v>
      </c>
      <c r="E58" s="3"/>
    </row>
    <row r="59" spans="1:5">
      <c r="B59" s="10" t="s">
        <v>20</v>
      </c>
      <c r="C59" s="3" t="s">
        <v>231</v>
      </c>
      <c r="E59" s="3"/>
    </row>
    <row r="60" spans="1:5">
      <c r="B60" s="10" t="s">
        <v>20</v>
      </c>
      <c r="C60" s="3" t="s">
        <v>232</v>
      </c>
    </row>
    <row r="61" spans="1:5">
      <c r="A61" s="4"/>
      <c r="B61" s="10" t="s">
        <v>20</v>
      </c>
      <c r="C61" s="3" t="s">
        <v>233</v>
      </c>
    </row>
    <row r="62" spans="1:5">
      <c r="B62" s="10" t="s">
        <v>20</v>
      </c>
      <c r="C62" s="3" t="s">
        <v>234</v>
      </c>
    </row>
    <row r="63" spans="1:5">
      <c r="B63" s="3" t="s">
        <v>172</v>
      </c>
      <c r="D63" s="3" t="s">
        <v>235</v>
      </c>
      <c r="E63" s="52" t="s">
        <v>236</v>
      </c>
    </row>
    <row r="64" spans="1:5">
      <c r="B64" s="3" t="s">
        <v>172</v>
      </c>
      <c r="D64" t="s">
        <v>237</v>
      </c>
      <c r="E64" s="52" t="s">
        <v>238</v>
      </c>
    </row>
    <row r="65" spans="1:4">
      <c r="A65" s="54" t="s">
        <v>239</v>
      </c>
      <c r="B65" s="10" t="s">
        <v>20</v>
      </c>
      <c r="C65" s="3" t="s">
        <v>240</v>
      </c>
    </row>
    <row r="66" spans="1:4">
      <c r="B66" s="10" t="s">
        <v>20</v>
      </c>
      <c r="C66" s="3" t="s">
        <v>241</v>
      </c>
    </row>
    <row r="67" spans="1:4">
      <c r="B67" s="10" t="s">
        <v>20</v>
      </c>
      <c r="C67" s="3" t="s">
        <v>242</v>
      </c>
    </row>
    <row r="68" spans="1:4">
      <c r="A68" s="54" t="s">
        <v>243</v>
      </c>
      <c r="B68" s="10" t="s">
        <v>20</v>
      </c>
      <c r="C68" s="3" t="s">
        <v>244</v>
      </c>
    </row>
    <row r="69" spans="1:4">
      <c r="A69" s="4"/>
      <c r="B69" s="10" t="s">
        <v>20</v>
      </c>
      <c r="C69" s="3" t="s">
        <v>245</v>
      </c>
    </row>
    <row r="70" spans="1:4">
      <c r="B70" s="10" t="s">
        <v>20</v>
      </c>
      <c r="C70" s="3" t="s">
        <v>246</v>
      </c>
    </row>
    <row r="71" spans="1:4">
      <c r="A71" s="54" t="s">
        <v>247</v>
      </c>
      <c r="B71" s="10" t="s">
        <v>20</v>
      </c>
      <c r="C71" s="3" t="s">
        <v>248</v>
      </c>
    </row>
    <row r="72" spans="1:4">
      <c r="B72" s="10" t="s">
        <v>20</v>
      </c>
      <c r="C72" s="3" t="s">
        <v>249</v>
      </c>
    </row>
    <row r="73" spans="1:4">
      <c r="A73" s="4"/>
      <c r="B73" s="10" t="s">
        <v>20</v>
      </c>
      <c r="C73" s="3" t="s">
        <v>250</v>
      </c>
    </row>
    <row r="74" spans="1:4">
      <c r="A74" s="54" t="s">
        <v>251</v>
      </c>
      <c r="B74" s="10" t="s">
        <v>20</v>
      </c>
      <c r="C74" s="3" t="s">
        <v>252</v>
      </c>
    </row>
    <row r="75" spans="1:4">
      <c r="B75" s="10" t="s">
        <v>20</v>
      </c>
      <c r="C75" s="3" t="s">
        <v>253</v>
      </c>
    </row>
    <row r="76" spans="1:4">
      <c r="B76" s="10" t="s">
        <v>20</v>
      </c>
      <c r="C76" s="3" t="s">
        <v>254</v>
      </c>
    </row>
    <row r="77" spans="1:4">
      <c r="A77" s="54" t="s">
        <v>255</v>
      </c>
      <c r="B77" s="10" t="s">
        <v>20</v>
      </c>
      <c r="C77" s="3" t="s">
        <v>256</v>
      </c>
    </row>
    <row r="78" spans="1:4">
      <c r="B78" s="10" t="s">
        <v>20</v>
      </c>
      <c r="C78" s="3" t="s">
        <v>257</v>
      </c>
    </row>
    <row r="79" spans="1:4">
      <c r="B79" s="10" t="s">
        <v>20</v>
      </c>
      <c r="C79" s="3" t="s">
        <v>258</v>
      </c>
    </row>
    <row r="80" spans="1:4">
      <c r="B80" s="3" t="s">
        <v>14</v>
      </c>
      <c r="C80" t="s">
        <v>136</v>
      </c>
      <c r="D80">
        <v>52</v>
      </c>
    </row>
    <row r="81" spans="1:4">
      <c r="A81" s="4"/>
      <c r="B81" s="3" t="s">
        <v>14</v>
      </c>
      <c r="C81" s="3" t="s">
        <v>259</v>
      </c>
      <c r="D81">
        <v>26</v>
      </c>
    </row>
    <row r="82" spans="1:4">
      <c r="B82" s="3" t="s">
        <v>14</v>
      </c>
      <c r="C82" s="3" t="s">
        <v>260</v>
      </c>
      <c r="D82">
        <v>17</v>
      </c>
    </row>
    <row r="83" spans="1:4">
      <c r="B83" s="3" t="s">
        <v>14</v>
      </c>
      <c r="C83" s="3" t="s">
        <v>261</v>
      </c>
      <c r="D83">
        <v>12</v>
      </c>
    </row>
    <row r="84" spans="1:4">
      <c r="A84" s="54" t="s">
        <v>262</v>
      </c>
      <c r="B84" s="10" t="s">
        <v>20</v>
      </c>
      <c r="C84" s="3" t="s">
        <v>263</v>
      </c>
    </row>
    <row r="85" spans="1:4">
      <c r="A85" s="4"/>
      <c r="B85" s="10" t="s">
        <v>20</v>
      </c>
      <c r="C85" s="3" t="s">
        <v>264</v>
      </c>
    </row>
    <row r="86" spans="1:4">
      <c r="B86" s="10" t="s">
        <v>20</v>
      </c>
      <c r="C86" s="3" t="s">
        <v>265</v>
      </c>
    </row>
    <row r="87" spans="1:4">
      <c r="A87" s="55" t="s">
        <v>266</v>
      </c>
      <c r="B87" s="10" t="s">
        <v>20</v>
      </c>
      <c r="C87" s="3" t="s">
        <v>89</v>
      </c>
    </row>
    <row r="88" spans="1:4">
      <c r="B88" s="10" t="s">
        <v>20</v>
      </c>
      <c r="C88" s="3" t="s">
        <v>90</v>
      </c>
    </row>
    <row r="89" spans="1:4">
      <c r="A89" s="4"/>
      <c r="B89" s="10" t="s">
        <v>20</v>
      </c>
      <c r="C89" s="3" t="s">
        <v>91</v>
      </c>
    </row>
    <row r="90" spans="1:4">
      <c r="A90" s="56" t="s">
        <v>267</v>
      </c>
      <c r="B90" s="10" t="s">
        <v>20</v>
      </c>
      <c r="C90" s="3" t="s">
        <v>93</v>
      </c>
    </row>
    <row r="91" spans="1:4">
      <c r="A91" s="56"/>
      <c r="B91" s="10" t="s">
        <v>20</v>
      </c>
      <c r="C91" s="3" t="s">
        <v>94</v>
      </c>
    </row>
    <row r="92" spans="1:4">
      <c r="A92" s="56"/>
      <c r="B92" s="10" t="s">
        <v>20</v>
      </c>
      <c r="C92" s="3" t="s">
        <v>95</v>
      </c>
    </row>
    <row r="93" spans="1:4">
      <c r="A93" s="55" t="s">
        <v>268</v>
      </c>
      <c r="B93" s="10" t="s">
        <v>20</v>
      </c>
      <c r="C93" s="3" t="s">
        <v>97</v>
      </c>
    </row>
    <row r="94" spans="1:4">
      <c r="B94" s="10" t="s">
        <v>20</v>
      </c>
      <c r="C94" s="3" t="s">
        <v>98</v>
      </c>
    </row>
    <row r="95" spans="1:4">
      <c r="A95" s="55" t="s">
        <v>269</v>
      </c>
      <c r="B95" s="10" t="s">
        <v>20</v>
      </c>
      <c r="C95" s="3" t="s">
        <v>99</v>
      </c>
    </row>
    <row r="96" spans="1:4">
      <c r="A96" s="56"/>
      <c r="B96" s="56"/>
      <c r="C96" s="3" t="s">
        <v>101</v>
      </c>
    </row>
    <row r="97" spans="1:3">
      <c r="B97" s="10" t="s">
        <v>20</v>
      </c>
      <c r="C97" s="3" t="s">
        <v>102</v>
      </c>
    </row>
    <row r="98" spans="1:3">
      <c r="A98" s="4"/>
      <c r="B98" s="10" t="s">
        <v>20</v>
      </c>
      <c r="C98" s="3" t="s">
        <v>103</v>
      </c>
    </row>
    <row r="99" spans="1:3">
      <c r="A99" s="54" t="s">
        <v>270</v>
      </c>
      <c r="B99" s="10" t="s">
        <v>20</v>
      </c>
      <c r="C99" s="3" t="s">
        <v>105</v>
      </c>
    </row>
    <row r="100" spans="1:3">
      <c r="B100" s="10" t="s">
        <v>20</v>
      </c>
      <c r="C100" s="3" t="s">
        <v>106</v>
      </c>
    </row>
    <row r="101" spans="1:3">
      <c r="A101" s="4"/>
      <c r="B101" s="10" t="s">
        <v>20</v>
      </c>
      <c r="C101" s="3" t="s">
        <v>107</v>
      </c>
    </row>
    <row r="102" spans="1:3">
      <c r="B102" s="10"/>
      <c r="C102" s="3"/>
    </row>
    <row r="103" spans="1:3">
      <c r="B103" s="10"/>
      <c r="C103" s="3"/>
    </row>
    <row r="104" spans="1:3">
      <c r="B104" s="10"/>
      <c r="C104" s="3"/>
    </row>
    <row r="105" spans="1:3">
      <c r="A105" s="4"/>
    </row>
    <row r="106" spans="1:3">
      <c r="B106" s="10"/>
      <c r="C106" s="3"/>
    </row>
    <row r="107" spans="1:3">
      <c r="B107" s="10"/>
      <c r="C107" s="3"/>
    </row>
    <row r="108" spans="1:3">
      <c r="B108" s="10"/>
      <c r="C108" s="3"/>
    </row>
    <row r="109" spans="1:3">
      <c r="A109" s="4"/>
    </row>
    <row r="110" spans="1:3">
      <c r="B110" s="10"/>
      <c r="C110" s="3"/>
    </row>
    <row r="111" spans="1:3">
      <c r="B111" s="10"/>
      <c r="C111" s="3"/>
    </row>
    <row r="112" spans="1:3">
      <c r="B112" s="10"/>
      <c r="C112" s="3"/>
    </row>
    <row r="113" spans="1:3">
      <c r="A113" s="4"/>
    </row>
    <row r="114" spans="1:3">
      <c r="B114" s="10"/>
      <c r="C114" s="3"/>
    </row>
    <row r="115" spans="1:3">
      <c r="B115" s="10"/>
      <c r="C115" s="3"/>
    </row>
    <row r="116" spans="1:3">
      <c r="B116" s="10"/>
      <c r="C116" s="3"/>
    </row>
    <row r="117" spans="1:3">
      <c r="A117" s="4"/>
    </row>
    <row r="118" spans="1:3">
      <c r="B118" s="10"/>
      <c r="C118" s="3"/>
    </row>
    <row r="119" spans="1:3">
      <c r="B119" s="10"/>
      <c r="C119" s="3"/>
    </row>
    <row r="120" spans="1:3">
      <c r="B120" s="10"/>
      <c r="C120" s="3"/>
    </row>
    <row r="121" spans="1:3">
      <c r="A121" s="4"/>
    </row>
    <row r="122" spans="1:3">
      <c r="B122" s="10"/>
      <c r="C122" s="3"/>
    </row>
    <row r="123" spans="1:3">
      <c r="B123" s="10"/>
      <c r="C123" s="3"/>
    </row>
    <row r="124" spans="1:3">
      <c r="B124" s="10"/>
      <c r="C124" s="3"/>
    </row>
    <row r="125" spans="1:3">
      <c r="B125" s="3"/>
    </row>
    <row r="126" spans="1:3">
      <c r="B126" s="3"/>
      <c r="C126" s="3"/>
    </row>
    <row r="127" spans="1:3">
      <c r="B127" s="3"/>
      <c r="C127" s="3"/>
    </row>
    <row r="128" spans="1:3">
      <c r="B128" s="3"/>
      <c r="C128" s="3"/>
    </row>
    <row r="129" spans="1:5">
      <c r="A129" s="3"/>
    </row>
    <row r="130" spans="1:5">
      <c r="B130" s="10"/>
      <c r="C130" s="3"/>
    </row>
    <row r="131" spans="1:5">
      <c r="B131" s="10"/>
      <c r="C131" s="3"/>
    </row>
    <row r="132" spans="1:5">
      <c r="B132" s="10"/>
      <c r="C132" s="3"/>
    </row>
    <row r="133" spans="1:5">
      <c r="A133" s="4"/>
    </row>
    <row r="134" spans="1:5">
      <c r="B134" s="10"/>
      <c r="C134" s="3"/>
    </row>
    <row r="135" spans="1:5">
      <c r="B135" s="10"/>
      <c r="C135" s="3"/>
    </row>
    <row r="136" spans="1:5">
      <c r="B136" s="10"/>
      <c r="C136" s="3"/>
    </row>
    <row r="137" spans="1:5">
      <c r="A137" s="3"/>
      <c r="B137" s="3"/>
    </row>
    <row r="138" spans="1:5">
      <c r="B138" s="3"/>
      <c r="C138" s="3"/>
      <c r="E138" s="3"/>
    </row>
    <row r="139" spans="1:5">
      <c r="B139" s="3"/>
      <c r="C139" s="3"/>
      <c r="E139" s="3"/>
    </row>
    <row r="140" spans="1:5">
      <c r="B140" s="3"/>
      <c r="C140" s="3"/>
    </row>
    <row r="141" spans="1:5">
      <c r="B141" s="3"/>
      <c r="C141" s="3"/>
    </row>
    <row r="142" spans="1:5">
      <c r="B142" s="3"/>
      <c r="C142" s="4"/>
    </row>
    <row r="143" spans="1:5">
      <c r="A143" s="3"/>
    </row>
    <row r="144" spans="1:5">
      <c r="C144" s="3"/>
    </row>
    <row r="145" spans="1:3">
      <c r="C145" s="3"/>
    </row>
    <row r="146" spans="1:3">
      <c r="C146" s="3"/>
    </row>
    <row r="147" spans="1:3">
      <c r="A147" s="4"/>
    </row>
    <row r="148" spans="1:3">
      <c r="C148" s="3"/>
    </row>
    <row r="149" spans="1:3">
      <c r="C149" s="3"/>
    </row>
    <row r="150" spans="1:3">
      <c r="C150" s="3"/>
    </row>
  </sheetData>
  <mergeCells count="1">
    <mergeCell ref="A1:F1"/>
  </mergeCells>
  <pageMargins left="0.7" right="0.7" top="0.75" bottom="0.75" header="0.3" footer="0.3"/>
  <pageSetup orientation="portrait" horizontalDpi="300" verticalDpi="0" copies="0"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8CF4CC-9B7B-4ABA-878C-83CAA7F3CC62}">
  <dimension ref="A1:F28"/>
  <sheetViews>
    <sheetView workbookViewId="0">
      <selection sqref="A1:F1"/>
    </sheetView>
  </sheetViews>
  <sheetFormatPr defaultRowHeight="14.45"/>
  <cols>
    <col min="1" max="1" width="38" customWidth="1"/>
    <col min="2" max="2" width="23.28515625" customWidth="1"/>
    <col min="3" max="3" width="46.140625" customWidth="1"/>
    <col min="4" max="4" width="29" customWidth="1"/>
  </cols>
  <sheetData>
    <row r="1" spans="1:6" ht="18.600000000000001">
      <c r="A1" s="73" t="s">
        <v>1183</v>
      </c>
      <c r="B1" s="73"/>
      <c r="C1" s="73"/>
      <c r="D1" s="73"/>
      <c r="E1" s="73"/>
      <c r="F1" s="73"/>
    </row>
    <row r="2" spans="1:6">
      <c r="A2" s="6" t="s">
        <v>1</v>
      </c>
      <c r="B2" s="6" t="s">
        <v>2</v>
      </c>
      <c r="C2" s="6" t="s">
        <v>3</v>
      </c>
      <c r="D2" s="6" t="s">
        <v>4</v>
      </c>
    </row>
    <row r="3" spans="1:6">
      <c r="A3" s="3" t="s">
        <v>1184</v>
      </c>
      <c r="B3" t="s">
        <v>176</v>
      </c>
      <c r="C3" s="3" t="s">
        <v>1185</v>
      </c>
    </row>
    <row r="4" spans="1:6">
      <c r="A4" s="3" t="s">
        <v>1186</v>
      </c>
      <c r="B4" t="s">
        <v>1129</v>
      </c>
      <c r="C4" s="3" t="s">
        <v>1187</v>
      </c>
    </row>
    <row r="5" spans="1:6">
      <c r="A5" s="3" t="s">
        <v>1188</v>
      </c>
    </row>
    <row r="6" spans="1:6">
      <c r="A6" s="3" t="s">
        <v>1189</v>
      </c>
      <c r="B6" t="s">
        <v>176</v>
      </c>
      <c r="C6" s="3" t="s">
        <v>1190</v>
      </c>
    </row>
    <row r="7" spans="1:6">
      <c r="A7" s="3" t="s">
        <v>1186</v>
      </c>
      <c r="B7" t="s">
        <v>1129</v>
      </c>
      <c r="C7" s="3" t="s">
        <v>1191</v>
      </c>
    </row>
    <row r="8" spans="1:6">
      <c r="A8" s="3" t="s">
        <v>1186</v>
      </c>
      <c r="B8" t="s">
        <v>7</v>
      </c>
      <c r="C8" s="3" t="s">
        <v>1192</v>
      </c>
    </row>
    <row r="9" spans="1:6">
      <c r="B9" t="s">
        <v>1129</v>
      </c>
      <c r="C9" s="3" t="s">
        <v>1193</v>
      </c>
    </row>
    <row r="10" spans="1:6">
      <c r="A10" s="3" t="s">
        <v>1194</v>
      </c>
      <c r="B10" t="s">
        <v>176</v>
      </c>
      <c r="C10" s="3" t="s">
        <v>1195</v>
      </c>
    </row>
    <row r="11" spans="1:6">
      <c r="A11" s="3" t="s">
        <v>1186</v>
      </c>
      <c r="B11" t="s">
        <v>1129</v>
      </c>
      <c r="C11" s="3" t="s">
        <v>1196</v>
      </c>
    </row>
    <row r="12" spans="1:6">
      <c r="A12" s="3" t="s">
        <v>1197</v>
      </c>
    </row>
    <row r="13" spans="1:6">
      <c r="A13" s="3" t="s">
        <v>1198</v>
      </c>
      <c r="B13" t="s">
        <v>1129</v>
      </c>
      <c r="C13" s="3" t="s">
        <v>1199</v>
      </c>
    </row>
    <row r="14" spans="1:6">
      <c r="A14" s="3" t="s">
        <v>1186</v>
      </c>
      <c r="B14" t="s">
        <v>1129</v>
      </c>
      <c r="C14" s="3" t="s">
        <v>1200</v>
      </c>
    </row>
    <row r="15" spans="1:6">
      <c r="A15" s="3" t="s">
        <v>1201</v>
      </c>
      <c r="C15" s="3"/>
    </row>
    <row r="16" spans="1:6">
      <c r="A16" s="3" t="s">
        <v>1202</v>
      </c>
      <c r="B16" t="s">
        <v>176</v>
      </c>
      <c r="C16" s="3" t="s">
        <v>1203</v>
      </c>
    </row>
    <row r="17" spans="1:3">
      <c r="A17" s="3" t="s">
        <v>1204</v>
      </c>
      <c r="B17" t="s">
        <v>176</v>
      </c>
      <c r="C17" s="3" t="s">
        <v>1205</v>
      </c>
    </row>
    <row r="18" spans="1:3">
      <c r="A18" s="3" t="s">
        <v>283</v>
      </c>
      <c r="B18" t="s">
        <v>176</v>
      </c>
      <c r="C18" s="3" t="s">
        <v>1206</v>
      </c>
    </row>
    <row r="19" spans="1:3">
      <c r="A19" s="3" t="s">
        <v>1207</v>
      </c>
    </row>
    <row r="20" spans="1:3">
      <c r="A20" s="3" t="s">
        <v>1208</v>
      </c>
      <c r="B20" t="s">
        <v>176</v>
      </c>
      <c r="C20" s="3" t="s">
        <v>1209</v>
      </c>
    </row>
    <row r="21" spans="1:3">
      <c r="A21" s="3" t="s">
        <v>1204</v>
      </c>
      <c r="B21" t="s">
        <v>176</v>
      </c>
      <c r="C21" s="3" t="s">
        <v>1210</v>
      </c>
    </row>
    <row r="22" spans="1:3">
      <c r="A22" s="3" t="s">
        <v>283</v>
      </c>
      <c r="B22" t="s">
        <v>176</v>
      </c>
      <c r="C22" s="3" t="s">
        <v>1211</v>
      </c>
    </row>
    <row r="23" spans="1:3">
      <c r="A23" s="3" t="s">
        <v>1186</v>
      </c>
      <c r="B23" t="s">
        <v>1129</v>
      </c>
      <c r="C23" s="3" t="s">
        <v>1212</v>
      </c>
    </row>
    <row r="24" spans="1:3" ht="24.95">
      <c r="A24" s="4" t="s">
        <v>1213</v>
      </c>
      <c r="B24" t="s">
        <v>1129</v>
      </c>
      <c r="C24" s="3" t="s">
        <v>1214</v>
      </c>
    </row>
    <row r="25" spans="1:3" ht="24.95">
      <c r="A25" s="4" t="s">
        <v>1215</v>
      </c>
      <c r="B25" t="s">
        <v>1129</v>
      </c>
      <c r="C25" s="3" t="s">
        <v>1216</v>
      </c>
    </row>
    <row r="26" spans="1:3" ht="62.45">
      <c r="A26" s="4" t="s">
        <v>1217</v>
      </c>
      <c r="B26" t="s">
        <v>7</v>
      </c>
      <c r="C26" s="3" t="s">
        <v>1218</v>
      </c>
    </row>
    <row r="27" spans="1:3">
      <c r="B27" t="s">
        <v>1129</v>
      </c>
      <c r="C27" s="3" t="s">
        <v>1219</v>
      </c>
    </row>
    <row r="28" spans="1:3" ht="24.95">
      <c r="A28" s="4" t="s">
        <v>520</v>
      </c>
      <c r="B28" t="s">
        <v>176</v>
      </c>
      <c r="C28" s="3" t="s">
        <v>1220</v>
      </c>
    </row>
  </sheetData>
  <mergeCells count="1">
    <mergeCell ref="A1:F1"/>
  </mergeCells>
  <pageMargins left="0.7" right="0.7" top="0.75" bottom="0.75" header="0.3" footer="0.3"/>
  <pageSetup orientation="portrait" horizontalDpi="300" verticalDpi="0" copies="0"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04F88-8482-43D2-9A3B-134F6908788D}">
  <dimension ref="A1:F23"/>
  <sheetViews>
    <sheetView workbookViewId="0">
      <selection activeCell="D8" sqref="D8"/>
    </sheetView>
  </sheetViews>
  <sheetFormatPr defaultRowHeight="14.45"/>
  <cols>
    <col min="1" max="1" width="48.7109375" customWidth="1"/>
    <col min="2" max="2" width="15.28515625" customWidth="1"/>
    <col min="3" max="3" width="52.28515625" customWidth="1"/>
    <col min="4" max="4" width="23.42578125" customWidth="1"/>
  </cols>
  <sheetData>
    <row r="1" spans="1:6" ht="18.600000000000001">
      <c r="A1" s="73" t="s">
        <v>1221</v>
      </c>
      <c r="B1" s="73"/>
      <c r="C1" s="73"/>
      <c r="D1" s="73"/>
      <c r="E1" s="73"/>
      <c r="F1" s="73"/>
    </row>
    <row r="2" spans="1:6">
      <c r="A2" s="6" t="s">
        <v>1</v>
      </c>
      <c r="B2" s="6" t="s">
        <v>2</v>
      </c>
      <c r="C2" s="6" t="s">
        <v>3</v>
      </c>
      <c r="D2" s="6" t="s">
        <v>4</v>
      </c>
    </row>
    <row r="3" spans="1:6" ht="26.1">
      <c r="A3" s="2" t="s">
        <v>440</v>
      </c>
      <c r="B3" t="s">
        <v>176</v>
      </c>
      <c r="C3" s="1" t="s">
        <v>1222</v>
      </c>
    </row>
    <row r="4" spans="1:6">
      <c r="A4" s="1" t="s">
        <v>1223</v>
      </c>
      <c r="B4" t="s">
        <v>1129</v>
      </c>
      <c r="C4" s="3" t="s">
        <v>1224</v>
      </c>
    </row>
    <row r="5" spans="1:6">
      <c r="A5" s="1" t="s">
        <v>1223</v>
      </c>
      <c r="B5" t="s">
        <v>7</v>
      </c>
      <c r="C5" s="3" t="s">
        <v>1225</v>
      </c>
    </row>
    <row r="6" spans="1:6">
      <c r="C6" s="1" t="s">
        <v>931</v>
      </c>
      <c r="D6" s="1" t="s">
        <v>931</v>
      </c>
    </row>
    <row r="7" spans="1:6">
      <c r="C7" s="1" t="s">
        <v>15</v>
      </c>
      <c r="D7" s="1" t="s">
        <v>15</v>
      </c>
    </row>
    <row r="8" spans="1:6" ht="50.1">
      <c r="A8" s="4" t="s">
        <v>1226</v>
      </c>
      <c r="B8" t="s">
        <v>1129</v>
      </c>
      <c r="C8" s="1" t="s">
        <v>1227</v>
      </c>
      <c r="D8" s="1"/>
    </row>
    <row r="9" spans="1:6" ht="50.1">
      <c r="A9" s="4" t="s">
        <v>1226</v>
      </c>
      <c r="B9" t="s">
        <v>7</v>
      </c>
      <c r="C9" s="2" t="s">
        <v>1228</v>
      </c>
    </row>
    <row r="10" spans="1:6">
      <c r="C10" s="1" t="s">
        <v>931</v>
      </c>
      <c r="D10" s="1" t="s">
        <v>931</v>
      </c>
    </row>
    <row r="11" spans="1:6">
      <c r="C11" s="1" t="s">
        <v>15</v>
      </c>
      <c r="D11" s="1" t="s">
        <v>15</v>
      </c>
    </row>
    <row r="12" spans="1:6" ht="50.1">
      <c r="A12" s="4" t="s">
        <v>1229</v>
      </c>
      <c r="B12" t="s">
        <v>1129</v>
      </c>
      <c r="C12" s="1" t="s">
        <v>1230</v>
      </c>
    </row>
    <row r="13" spans="1:6" ht="50.1">
      <c r="A13" s="4" t="s">
        <v>1229</v>
      </c>
      <c r="B13" t="s">
        <v>7</v>
      </c>
      <c r="C13" s="1" t="s">
        <v>1231</v>
      </c>
    </row>
    <row r="14" spans="1:6">
      <c r="C14" s="1" t="s">
        <v>931</v>
      </c>
      <c r="D14" s="1" t="s">
        <v>931</v>
      </c>
    </row>
    <row r="15" spans="1:6">
      <c r="C15" s="1" t="s">
        <v>15</v>
      </c>
      <c r="D15" s="1" t="s">
        <v>15</v>
      </c>
    </row>
    <row r="16" spans="1:6">
      <c r="A16" s="3" t="s">
        <v>1232</v>
      </c>
      <c r="B16" t="s">
        <v>1129</v>
      </c>
      <c r="C16" s="1" t="s">
        <v>1233</v>
      </c>
      <c r="D16" s="1"/>
    </row>
    <row r="17" spans="1:4">
      <c r="A17" s="3" t="s">
        <v>1232</v>
      </c>
      <c r="B17" t="s">
        <v>7</v>
      </c>
      <c r="C17" s="1" t="s">
        <v>1234</v>
      </c>
    </row>
    <row r="18" spans="1:4">
      <c r="C18" s="1" t="s">
        <v>383</v>
      </c>
    </row>
    <row r="19" spans="1:4">
      <c r="C19" s="1" t="s">
        <v>1235</v>
      </c>
      <c r="D19" t="s">
        <v>153</v>
      </c>
    </row>
    <row r="20" spans="1:4">
      <c r="C20" t="s">
        <v>1236</v>
      </c>
      <c r="D20" t="s">
        <v>155</v>
      </c>
    </row>
    <row r="21" spans="1:4">
      <c r="C21" s="1" t="s">
        <v>358</v>
      </c>
      <c r="D21" t="s">
        <v>307</v>
      </c>
    </row>
    <row r="22" spans="1:4">
      <c r="A22" s="1" t="s">
        <v>1237</v>
      </c>
      <c r="B22" t="s">
        <v>1129</v>
      </c>
      <c r="C22" s="1" t="s">
        <v>1238</v>
      </c>
    </row>
    <row r="23" spans="1:4">
      <c r="A23" s="1" t="s">
        <v>1239</v>
      </c>
      <c r="B23" t="s">
        <v>1129</v>
      </c>
      <c r="C23" s="1" t="s">
        <v>1240</v>
      </c>
    </row>
  </sheetData>
  <mergeCells count="1">
    <mergeCell ref="A1:F1"/>
  </mergeCells>
  <pageMargins left="0.7" right="0.7" top="0.75" bottom="0.75" header="0.3" footer="0.3"/>
  <pageSetup orientation="portrait" horizontalDpi="300" verticalDpi="0" copies="0" r:id="rId1"/>
  <drawing r:id="rId2"/>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FC0C60-5BEF-4EC1-921E-964BF05D944E}">
  <dimension ref="A1:F16"/>
  <sheetViews>
    <sheetView topLeftCell="A5" workbookViewId="0">
      <selection activeCell="B18" sqref="B18"/>
    </sheetView>
  </sheetViews>
  <sheetFormatPr defaultRowHeight="14.45"/>
  <cols>
    <col min="1" max="1" width="32.42578125" customWidth="1"/>
    <col min="2" max="2" width="19.7109375" customWidth="1"/>
    <col min="3" max="3" width="36.7109375" customWidth="1"/>
    <col min="4" max="4" width="25.140625" customWidth="1"/>
  </cols>
  <sheetData>
    <row r="1" spans="1:6" ht="18.600000000000001">
      <c r="A1" s="73" t="s">
        <v>1241</v>
      </c>
      <c r="B1" s="73"/>
      <c r="C1" s="73"/>
      <c r="D1" s="73"/>
      <c r="E1" s="73"/>
      <c r="F1" s="73"/>
    </row>
    <row r="2" spans="1:6">
      <c r="A2" s="6" t="s">
        <v>1</v>
      </c>
      <c r="B2" s="6" t="s">
        <v>2</v>
      </c>
      <c r="C2" s="6" t="s">
        <v>3</v>
      </c>
      <c r="D2" s="6" t="s">
        <v>4</v>
      </c>
    </row>
    <row r="3" spans="1:6">
      <c r="A3" s="1" t="s">
        <v>1242</v>
      </c>
      <c r="B3" t="s">
        <v>159</v>
      </c>
      <c r="C3" s="1" t="s">
        <v>1243</v>
      </c>
    </row>
    <row r="4" spans="1:6">
      <c r="A4" s="1" t="s">
        <v>1244</v>
      </c>
      <c r="B4" t="s">
        <v>159</v>
      </c>
      <c r="C4" s="1" t="s">
        <v>1245</v>
      </c>
    </row>
    <row r="5" spans="1:6" ht="26.1">
      <c r="A5" s="2" t="s">
        <v>1246</v>
      </c>
      <c r="B5" t="s">
        <v>159</v>
      </c>
      <c r="C5" s="1" t="s">
        <v>1247</v>
      </c>
    </row>
    <row r="6" spans="1:6">
      <c r="A6" s="11" t="s">
        <v>1248</v>
      </c>
      <c r="B6" t="s">
        <v>159</v>
      </c>
      <c r="C6" s="1" t="s">
        <v>1249</v>
      </c>
    </row>
    <row r="7" spans="1:6" ht="26.1">
      <c r="A7" s="2" t="s">
        <v>1250</v>
      </c>
      <c r="B7" t="s">
        <v>159</v>
      </c>
      <c r="C7" s="1" t="s">
        <v>1251</v>
      </c>
    </row>
    <row r="8" spans="1:6" ht="38.450000000000003">
      <c r="A8" s="2" t="s">
        <v>1252</v>
      </c>
      <c r="B8" t="s">
        <v>159</v>
      </c>
      <c r="C8" s="1" t="s">
        <v>1253</v>
      </c>
    </row>
    <row r="9" spans="1:6" ht="38.450000000000003">
      <c r="A9" s="2" t="s">
        <v>1254</v>
      </c>
      <c r="B9" t="s">
        <v>159</v>
      </c>
      <c r="C9" s="1" t="s">
        <v>1255</v>
      </c>
    </row>
    <row r="10" spans="1:6" ht="38.450000000000003">
      <c r="A10" s="2" t="s">
        <v>1256</v>
      </c>
      <c r="B10" t="s">
        <v>159</v>
      </c>
      <c r="C10" s="1" t="s">
        <v>1257</v>
      </c>
    </row>
    <row r="11" spans="1:6" ht="26.1">
      <c r="A11" s="2" t="s">
        <v>1258</v>
      </c>
      <c r="B11" t="s">
        <v>159</v>
      </c>
      <c r="C11" s="1" t="s">
        <v>1259</v>
      </c>
    </row>
    <row r="12" spans="1:6" ht="26.1">
      <c r="A12" s="2" t="s">
        <v>1260</v>
      </c>
      <c r="B12" t="s">
        <v>176</v>
      </c>
      <c r="C12" s="1" t="s">
        <v>1261</v>
      </c>
    </row>
    <row r="13" spans="1:6" ht="26.1">
      <c r="A13" s="2" t="s">
        <v>1262</v>
      </c>
      <c r="B13" t="s">
        <v>176</v>
      </c>
      <c r="C13" s="1" t="s">
        <v>1263</v>
      </c>
    </row>
    <row r="14" spans="1:6">
      <c r="A14" s="1" t="s">
        <v>1264</v>
      </c>
      <c r="B14" t="s">
        <v>176</v>
      </c>
      <c r="C14" s="1" t="s">
        <v>1265</v>
      </c>
    </row>
    <row r="15" spans="1:6" ht="38.450000000000003">
      <c r="A15" s="2" t="s">
        <v>1266</v>
      </c>
      <c r="B15" t="s">
        <v>176</v>
      </c>
      <c r="C15" s="1" t="s">
        <v>1267</v>
      </c>
    </row>
    <row r="16" spans="1:6" ht="63.6">
      <c r="A16" s="2" t="s">
        <v>1268</v>
      </c>
      <c r="B16" t="s">
        <v>159</v>
      </c>
      <c r="C16" s="1" t="s">
        <v>1269</v>
      </c>
    </row>
  </sheetData>
  <mergeCells count="1">
    <mergeCell ref="A1:F1"/>
  </mergeCells>
  <pageMargins left="0.7" right="0.7" top="0.75" bottom="0.75" header="0.3" footer="0.3"/>
  <pageSetup orientation="portrait" horizontalDpi="300" verticalDpi="0" copies="0"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2A9D1D-4155-4631-ABE9-2DABAEDD113F}">
  <sheetPr codeName="Sheet1"/>
  <dimension ref="A1:F20"/>
  <sheetViews>
    <sheetView topLeftCell="A11" zoomScaleNormal="100" workbookViewId="0">
      <selection activeCell="D17" sqref="D17"/>
    </sheetView>
  </sheetViews>
  <sheetFormatPr defaultRowHeight="14.45"/>
  <cols>
    <col min="1" max="1" width="40.140625" customWidth="1"/>
    <col min="2" max="2" width="19.42578125" customWidth="1"/>
    <col min="3" max="3" width="46.85546875" customWidth="1"/>
    <col min="4" max="4" width="12.85546875" customWidth="1"/>
  </cols>
  <sheetData>
    <row r="1" spans="1:6" ht="18.600000000000001">
      <c r="A1" s="73" t="s">
        <v>1270</v>
      </c>
      <c r="B1" s="73"/>
      <c r="C1" s="73"/>
      <c r="D1" s="73"/>
      <c r="E1" s="73"/>
      <c r="F1" s="73"/>
    </row>
    <row r="2" spans="1:6">
      <c r="A2" s="6" t="s">
        <v>1</v>
      </c>
      <c r="B2" s="6" t="s">
        <v>2</v>
      </c>
      <c r="C2" s="6" t="s">
        <v>3</v>
      </c>
      <c r="D2" s="6" t="s">
        <v>4</v>
      </c>
    </row>
    <row r="3" spans="1:6">
      <c r="A3" s="58" t="s">
        <v>1271</v>
      </c>
      <c r="B3" s="3" t="s">
        <v>676</v>
      </c>
      <c r="C3" t="s">
        <v>1272</v>
      </c>
    </row>
    <row r="4" spans="1:6">
      <c r="A4" s="58"/>
      <c r="B4" s="3"/>
      <c r="C4" s="1" t="s">
        <v>283</v>
      </c>
      <c r="D4" t="s">
        <v>153</v>
      </c>
    </row>
    <row r="5" spans="1:6">
      <c r="A5" s="58"/>
      <c r="B5" s="3"/>
      <c r="C5" s="1" t="s">
        <v>284</v>
      </c>
      <c r="D5" t="s">
        <v>155</v>
      </c>
    </row>
    <row r="6" spans="1:6" ht="26.45">
      <c r="A6" s="57" t="s">
        <v>1273</v>
      </c>
      <c r="B6" s="3" t="s">
        <v>159</v>
      </c>
      <c r="C6" t="s">
        <v>1274</v>
      </c>
    </row>
    <row r="7" spans="1:6" ht="39">
      <c r="A7" s="57" t="s">
        <v>1275</v>
      </c>
      <c r="B7" s="3" t="s">
        <v>159</v>
      </c>
      <c r="C7" t="s">
        <v>1276</v>
      </c>
    </row>
    <row r="8" spans="1:6" ht="26.45">
      <c r="A8" s="57" t="s">
        <v>1277</v>
      </c>
      <c r="B8" s="3" t="s">
        <v>159</v>
      </c>
      <c r="C8" t="s">
        <v>1278</v>
      </c>
    </row>
    <row r="9" spans="1:6" ht="101.45">
      <c r="A9" s="7" t="s">
        <v>1279</v>
      </c>
      <c r="B9" s="3" t="s">
        <v>159</v>
      </c>
      <c r="C9" t="s">
        <v>1280</v>
      </c>
    </row>
    <row r="10" spans="1:6" ht="63.95">
      <c r="A10" s="57" t="s">
        <v>1281</v>
      </c>
      <c r="B10" s="3" t="s">
        <v>159</v>
      </c>
      <c r="C10" t="s">
        <v>1282</v>
      </c>
    </row>
    <row r="11" spans="1:6" ht="89.1">
      <c r="A11" s="57" t="s">
        <v>1283</v>
      </c>
      <c r="B11" s="3" t="s">
        <v>159</v>
      </c>
      <c r="C11" t="s">
        <v>1284</v>
      </c>
    </row>
    <row r="12" spans="1:6" ht="26.45">
      <c r="A12" s="57" t="s">
        <v>1285</v>
      </c>
      <c r="B12" s="3" t="s">
        <v>159</v>
      </c>
      <c r="C12" t="s">
        <v>1286</v>
      </c>
    </row>
    <row r="13" spans="1:6" ht="39">
      <c r="A13" s="57" t="s">
        <v>1287</v>
      </c>
      <c r="B13" s="3" t="s">
        <v>159</v>
      </c>
      <c r="C13" t="s">
        <v>1288</v>
      </c>
    </row>
    <row r="14" spans="1:6" ht="51.6">
      <c r="A14" s="57" t="s">
        <v>1289</v>
      </c>
      <c r="B14" s="3" t="s">
        <v>159</v>
      </c>
      <c r="C14" t="s">
        <v>1290</v>
      </c>
    </row>
    <row r="15" spans="1:6" ht="174">
      <c r="A15" s="7" t="s">
        <v>1291</v>
      </c>
      <c r="B15" s="3" t="s">
        <v>7</v>
      </c>
      <c r="C15" t="s">
        <v>1292</v>
      </c>
      <c r="D15" t="s">
        <v>15</v>
      </c>
    </row>
    <row r="16" spans="1:6">
      <c r="A16" s="59"/>
      <c r="B16" s="3" t="s">
        <v>7</v>
      </c>
      <c r="C16" t="s">
        <v>1293</v>
      </c>
      <c r="D16" t="s">
        <v>15</v>
      </c>
    </row>
    <row r="17" spans="1:4" ht="29.1">
      <c r="A17" s="7" t="s">
        <v>520</v>
      </c>
      <c r="B17" s="3" t="s">
        <v>521</v>
      </c>
      <c r="C17" t="s">
        <v>1294</v>
      </c>
      <c r="D17" t="s">
        <v>1295</v>
      </c>
    </row>
    <row r="18" spans="1:4">
      <c r="A18" s="59"/>
    </row>
    <row r="19" spans="1:4">
      <c r="A19" s="59"/>
    </row>
    <row r="20" spans="1:4">
      <c r="A20" s="59"/>
    </row>
  </sheetData>
  <mergeCells count="1">
    <mergeCell ref="A1:F1"/>
  </mergeCells>
  <pageMargins left="0.7" right="0.7" top="0.75" bottom="0.75" header="0.3" footer="0.3"/>
  <pageSetup orientation="portrait" horizontalDpi="200" verticalDpi="200"/>
  <drawing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E122DE-081A-43CC-8566-AE60BCA43E24}">
  <dimension ref="A1:F44"/>
  <sheetViews>
    <sheetView workbookViewId="0">
      <selection activeCell="B3" sqref="B3"/>
    </sheetView>
  </sheetViews>
  <sheetFormatPr defaultRowHeight="14.45"/>
  <cols>
    <col min="1" max="1" width="36.7109375" customWidth="1"/>
    <col min="2" max="2" width="18.5703125" customWidth="1"/>
    <col min="3" max="3" width="44.42578125" bestFit="1" customWidth="1"/>
    <col min="4" max="4" width="17.28515625" customWidth="1"/>
  </cols>
  <sheetData>
    <row r="1" spans="1:6" ht="18.600000000000001">
      <c r="A1" s="73" t="s">
        <v>1296</v>
      </c>
      <c r="B1" s="73"/>
      <c r="C1" s="73"/>
      <c r="D1" s="73"/>
      <c r="E1" s="73"/>
      <c r="F1" s="73"/>
    </row>
    <row r="2" spans="1:6">
      <c r="A2" s="6" t="s">
        <v>1</v>
      </c>
      <c r="B2" s="6" t="s">
        <v>2</v>
      </c>
      <c r="C2" s="6" t="s">
        <v>3</v>
      </c>
      <c r="D2" s="6" t="s">
        <v>4</v>
      </c>
    </row>
    <row r="3" spans="1:6" ht="24.95">
      <c r="A3" s="4" t="s">
        <v>520</v>
      </c>
      <c r="B3" s="3" t="s">
        <v>521</v>
      </c>
      <c r="C3" s="3" t="s">
        <v>1297</v>
      </c>
    </row>
    <row r="4" spans="1:6">
      <c r="A4" s="4" t="s">
        <v>1298</v>
      </c>
      <c r="B4" s="3" t="s">
        <v>526</v>
      </c>
      <c r="C4" s="3" t="s">
        <v>1299</v>
      </c>
    </row>
    <row r="5" spans="1:6">
      <c r="A5" s="3" t="s">
        <v>1300</v>
      </c>
      <c r="B5" s="3" t="s">
        <v>526</v>
      </c>
      <c r="C5" s="3" t="s">
        <v>1299</v>
      </c>
    </row>
    <row r="6" spans="1:6">
      <c r="A6" s="3" t="s">
        <v>1301</v>
      </c>
      <c r="B6" s="3" t="s">
        <v>526</v>
      </c>
      <c r="C6" s="3" t="s">
        <v>1302</v>
      </c>
    </row>
    <row r="7" spans="1:6">
      <c r="A7" s="3" t="s">
        <v>1303</v>
      </c>
      <c r="B7" s="3" t="s">
        <v>526</v>
      </c>
      <c r="C7" s="3" t="s">
        <v>1302</v>
      </c>
    </row>
    <row r="8" spans="1:6" ht="24.95">
      <c r="A8" s="4" t="s">
        <v>1304</v>
      </c>
      <c r="B8" s="3" t="s">
        <v>548</v>
      </c>
      <c r="C8" s="3" t="s">
        <v>1305</v>
      </c>
    </row>
    <row r="9" spans="1:6" ht="37.5">
      <c r="A9" s="4" t="s">
        <v>1306</v>
      </c>
      <c r="B9" s="3" t="s">
        <v>553</v>
      </c>
      <c r="C9" s="3" t="s">
        <v>1307</v>
      </c>
    </row>
    <row r="10" spans="1:6">
      <c r="A10" s="3" t="s">
        <v>1308</v>
      </c>
      <c r="B10" s="3" t="s">
        <v>553</v>
      </c>
      <c r="C10" s="3" t="s">
        <v>1309</v>
      </c>
    </row>
    <row r="11" spans="1:6">
      <c r="A11" s="3" t="s">
        <v>1310</v>
      </c>
      <c r="B11" s="3" t="s">
        <v>553</v>
      </c>
      <c r="C11" s="3" t="s">
        <v>1311</v>
      </c>
    </row>
    <row r="12" spans="1:6">
      <c r="A12" s="3" t="s">
        <v>1312</v>
      </c>
      <c r="B12" s="3" t="s">
        <v>553</v>
      </c>
      <c r="C12" s="3" t="s">
        <v>1313</v>
      </c>
    </row>
    <row r="13" spans="1:6" ht="37.5">
      <c r="A13" s="4" t="s">
        <v>1314</v>
      </c>
      <c r="B13" s="3" t="s">
        <v>553</v>
      </c>
      <c r="C13" s="3" t="s">
        <v>1315</v>
      </c>
    </row>
    <row r="14" spans="1:6">
      <c r="A14" s="3" t="s">
        <v>1316</v>
      </c>
      <c r="B14" s="3" t="s">
        <v>553</v>
      </c>
      <c r="C14" s="3" t="s">
        <v>1317</v>
      </c>
    </row>
    <row r="15" spans="1:6" ht="24.95">
      <c r="A15" s="4" t="s">
        <v>1318</v>
      </c>
      <c r="B15" s="3" t="s">
        <v>553</v>
      </c>
      <c r="C15" s="3" t="s">
        <v>1319</v>
      </c>
    </row>
    <row r="16" spans="1:6" ht="24.95">
      <c r="A16" s="4" t="s">
        <v>1320</v>
      </c>
      <c r="B16" s="3" t="s">
        <v>553</v>
      </c>
      <c r="C16" s="3" t="s">
        <v>1321</v>
      </c>
    </row>
    <row r="17" spans="1:3" ht="62.45">
      <c r="A17" s="4" t="s">
        <v>1322</v>
      </c>
      <c r="B17" s="3" t="s">
        <v>553</v>
      </c>
      <c r="C17" s="3" t="s">
        <v>1323</v>
      </c>
    </row>
    <row r="18" spans="1:3" ht="75">
      <c r="A18" s="4" t="s">
        <v>1324</v>
      </c>
      <c r="B18" s="3" t="s">
        <v>553</v>
      </c>
      <c r="C18" s="3" t="s">
        <v>1325</v>
      </c>
    </row>
    <row r="19" spans="1:3" ht="37.5">
      <c r="A19" s="4" t="s">
        <v>1326</v>
      </c>
      <c r="B19" s="3" t="s">
        <v>553</v>
      </c>
      <c r="C19" s="3" t="s">
        <v>1327</v>
      </c>
    </row>
    <row r="20" spans="1:3" ht="24.95">
      <c r="A20" s="4" t="s">
        <v>1328</v>
      </c>
      <c r="B20" s="3" t="s">
        <v>553</v>
      </c>
      <c r="C20" s="3" t="s">
        <v>1329</v>
      </c>
    </row>
    <row r="21" spans="1:3" ht="75">
      <c r="A21" s="4" t="s">
        <v>1330</v>
      </c>
      <c r="B21" s="3" t="s">
        <v>553</v>
      </c>
      <c r="C21" s="3" t="s">
        <v>1331</v>
      </c>
    </row>
    <row r="22" spans="1:3" ht="50.1">
      <c r="A22" s="4" t="s">
        <v>1332</v>
      </c>
      <c r="B22" s="3" t="s">
        <v>553</v>
      </c>
      <c r="C22" s="3" t="s">
        <v>1333</v>
      </c>
    </row>
    <row r="23" spans="1:3" ht="24.95">
      <c r="A23" s="4" t="s">
        <v>1334</v>
      </c>
      <c r="B23" s="3" t="s">
        <v>553</v>
      </c>
      <c r="C23" s="3" t="s">
        <v>1335</v>
      </c>
    </row>
    <row r="24" spans="1:3" ht="37.5">
      <c r="A24" s="4" t="s">
        <v>1336</v>
      </c>
      <c r="B24" s="3" t="s">
        <v>553</v>
      </c>
      <c r="C24" s="3" t="s">
        <v>1337</v>
      </c>
    </row>
    <row r="25" spans="1:3" ht="37.5">
      <c r="A25" s="4" t="s">
        <v>1338</v>
      </c>
      <c r="B25" s="3" t="s">
        <v>553</v>
      </c>
      <c r="C25" s="3" t="s">
        <v>1339</v>
      </c>
    </row>
    <row r="26" spans="1:3" ht="37.5">
      <c r="A26" s="4" t="s">
        <v>1340</v>
      </c>
      <c r="B26" s="3" t="s">
        <v>553</v>
      </c>
      <c r="C26" s="3" t="s">
        <v>1341</v>
      </c>
    </row>
    <row r="27" spans="1:3" ht="24.95">
      <c r="A27" s="4" t="s">
        <v>1342</v>
      </c>
      <c r="B27" s="3" t="s">
        <v>553</v>
      </c>
      <c r="C27" s="3" t="s">
        <v>1343</v>
      </c>
    </row>
    <row r="28" spans="1:3">
      <c r="A28" s="3" t="s">
        <v>1344</v>
      </c>
      <c r="B28" s="3" t="s">
        <v>553</v>
      </c>
      <c r="C28" s="3" t="s">
        <v>1345</v>
      </c>
    </row>
    <row r="29" spans="1:3">
      <c r="A29" s="3" t="s">
        <v>1346</v>
      </c>
      <c r="B29" s="3" t="s">
        <v>553</v>
      </c>
      <c r="C29" s="3" t="s">
        <v>1347</v>
      </c>
    </row>
    <row r="30" spans="1:3" ht="37.5">
      <c r="A30" s="4" t="s">
        <v>1348</v>
      </c>
      <c r="B30" s="3" t="s">
        <v>553</v>
      </c>
      <c r="C30" s="3" t="s">
        <v>1349</v>
      </c>
    </row>
    <row r="31" spans="1:3">
      <c r="A31" s="3" t="s">
        <v>1350</v>
      </c>
      <c r="B31" s="3" t="s">
        <v>553</v>
      </c>
      <c r="C31" s="3" t="s">
        <v>1351</v>
      </c>
    </row>
    <row r="32" spans="1:3">
      <c r="A32" s="3" t="s">
        <v>1352</v>
      </c>
      <c r="B32" s="3" t="s">
        <v>553</v>
      </c>
      <c r="C32" s="3" t="s">
        <v>1353</v>
      </c>
    </row>
    <row r="33" spans="1:3">
      <c r="A33" s="3" t="s">
        <v>1354</v>
      </c>
      <c r="B33" s="3" t="s">
        <v>553</v>
      </c>
      <c r="C33" s="3" t="s">
        <v>1355</v>
      </c>
    </row>
    <row r="34" spans="1:3" ht="37.5">
      <c r="A34" s="4" t="s">
        <v>1356</v>
      </c>
      <c r="B34" s="3" t="s">
        <v>553</v>
      </c>
      <c r="C34" s="3" t="s">
        <v>1357</v>
      </c>
    </row>
    <row r="35" spans="1:3">
      <c r="A35" s="3" t="s">
        <v>1358</v>
      </c>
      <c r="B35" s="3" t="s">
        <v>553</v>
      </c>
      <c r="C35" s="3" t="s">
        <v>1359</v>
      </c>
    </row>
    <row r="36" spans="1:3" ht="24.95">
      <c r="A36" s="4" t="s">
        <v>1360</v>
      </c>
      <c r="B36" s="3" t="s">
        <v>553</v>
      </c>
      <c r="C36" s="3" t="s">
        <v>1361</v>
      </c>
    </row>
    <row r="37" spans="1:3">
      <c r="A37" s="3" t="s">
        <v>1362</v>
      </c>
      <c r="B37" s="3" t="s">
        <v>553</v>
      </c>
      <c r="C37" s="3" t="s">
        <v>1363</v>
      </c>
    </row>
    <row r="38" spans="1:3">
      <c r="A38" s="3" t="s">
        <v>1364</v>
      </c>
      <c r="B38" s="3" t="s">
        <v>553</v>
      </c>
      <c r="C38" s="3" t="s">
        <v>1365</v>
      </c>
    </row>
    <row r="39" spans="1:3">
      <c r="A39" s="3" t="s">
        <v>1366</v>
      </c>
      <c r="B39" s="3" t="s">
        <v>553</v>
      </c>
      <c r="C39" s="3" t="s">
        <v>1367</v>
      </c>
    </row>
    <row r="40" spans="1:3" ht="37.5">
      <c r="A40" s="4" t="s">
        <v>1368</v>
      </c>
      <c r="B40" s="3" t="s">
        <v>553</v>
      </c>
      <c r="C40" s="3" t="s">
        <v>1369</v>
      </c>
    </row>
    <row r="41" spans="1:3">
      <c r="A41" s="3" t="s">
        <v>1370</v>
      </c>
      <c r="B41" s="3" t="s">
        <v>553</v>
      </c>
      <c r="C41" s="3" t="s">
        <v>1371</v>
      </c>
    </row>
    <row r="42" spans="1:3">
      <c r="A42" s="3" t="s">
        <v>1372</v>
      </c>
      <c r="B42" s="3" t="s">
        <v>553</v>
      </c>
      <c r="C42" s="3" t="s">
        <v>1373</v>
      </c>
    </row>
    <row r="43" spans="1:3">
      <c r="A43" s="3" t="s">
        <v>1374</v>
      </c>
      <c r="B43" s="3" t="s">
        <v>553</v>
      </c>
      <c r="C43" s="3" t="s">
        <v>1375</v>
      </c>
    </row>
    <row r="44" spans="1:3" ht="50.1">
      <c r="A44" s="4" t="s">
        <v>1376</v>
      </c>
      <c r="B44" s="3" t="s">
        <v>553</v>
      </c>
      <c r="C44" s="3" t="s">
        <v>1377</v>
      </c>
    </row>
  </sheetData>
  <mergeCells count="1">
    <mergeCell ref="A1:F1"/>
  </mergeCells>
  <pageMargins left="0.7" right="0.7" top="0.75" bottom="0.75" header="0.3" footer="0.3"/>
  <pageSetup orientation="portrait" horizontalDpi="300" verticalDpi="0" copies="0" r:id="rId1"/>
  <drawing r:id="rId2"/>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F7B60F-8E33-4905-A620-A8390D699298}">
  <dimension ref="A1:F16"/>
  <sheetViews>
    <sheetView workbookViewId="0">
      <selection activeCell="C13" sqref="C13:D14"/>
    </sheetView>
  </sheetViews>
  <sheetFormatPr defaultRowHeight="14.45"/>
  <cols>
    <col min="1" max="1" width="39.42578125" customWidth="1"/>
    <col min="2" max="2" width="17.7109375" customWidth="1"/>
    <col min="3" max="3" width="39.7109375" customWidth="1"/>
    <col min="4" max="4" width="12.42578125" customWidth="1"/>
  </cols>
  <sheetData>
    <row r="1" spans="1:6" ht="18.600000000000001">
      <c r="A1" s="73" t="s">
        <v>1378</v>
      </c>
      <c r="B1" s="73"/>
      <c r="C1" s="73"/>
      <c r="D1" s="73"/>
      <c r="E1" s="73"/>
      <c r="F1" s="73"/>
    </row>
    <row r="2" spans="1:6">
      <c r="A2" s="6" t="s">
        <v>1</v>
      </c>
      <c r="B2" s="6" t="s">
        <v>2</v>
      </c>
      <c r="C2" s="6" t="s">
        <v>3</v>
      </c>
      <c r="D2" s="6" t="s">
        <v>4</v>
      </c>
    </row>
    <row r="3" spans="1:6" ht="26.1">
      <c r="A3" s="2" t="s">
        <v>1379</v>
      </c>
      <c r="B3" s="1" t="s">
        <v>676</v>
      </c>
      <c r="C3" s="1" t="s">
        <v>1380</v>
      </c>
    </row>
    <row r="4" spans="1:6">
      <c r="A4" s="7"/>
      <c r="B4" s="1" t="s">
        <v>172</v>
      </c>
      <c r="C4" s="1" t="s">
        <v>178</v>
      </c>
      <c r="D4" s="1" t="s">
        <v>178</v>
      </c>
    </row>
    <row r="5" spans="1:6">
      <c r="A5" s="7"/>
      <c r="B5" s="1" t="s">
        <v>172</v>
      </c>
      <c r="C5" t="s">
        <v>180</v>
      </c>
      <c r="D5" t="s">
        <v>180</v>
      </c>
    </row>
    <row r="6" spans="1:6">
      <c r="A6" s="1" t="s">
        <v>1381</v>
      </c>
      <c r="B6" s="1" t="s">
        <v>676</v>
      </c>
      <c r="C6" s="1" t="s">
        <v>1382</v>
      </c>
    </row>
    <row r="7" spans="1:6">
      <c r="A7" s="7"/>
      <c r="B7" s="1" t="s">
        <v>172</v>
      </c>
      <c r="C7" s="1" t="s">
        <v>178</v>
      </c>
      <c r="D7" s="1" t="s">
        <v>178</v>
      </c>
    </row>
    <row r="8" spans="1:6">
      <c r="A8" s="7"/>
      <c r="B8" s="1" t="s">
        <v>172</v>
      </c>
      <c r="C8" t="s">
        <v>180</v>
      </c>
      <c r="D8" t="s">
        <v>180</v>
      </c>
    </row>
    <row r="9" spans="1:6" ht="26.1">
      <c r="A9" s="2" t="s">
        <v>1383</v>
      </c>
      <c r="B9" s="1" t="s">
        <v>676</v>
      </c>
      <c r="C9" s="1" t="s">
        <v>1384</v>
      </c>
    </row>
    <row r="10" spans="1:6">
      <c r="A10" s="7"/>
      <c r="B10" s="1" t="s">
        <v>172</v>
      </c>
      <c r="C10" s="1" t="s">
        <v>178</v>
      </c>
      <c r="D10" s="1" t="s">
        <v>178</v>
      </c>
    </row>
    <row r="11" spans="1:6">
      <c r="A11" s="7"/>
      <c r="B11" s="1" t="s">
        <v>172</v>
      </c>
      <c r="C11" t="s">
        <v>180</v>
      </c>
      <c r="D11" t="s">
        <v>180</v>
      </c>
    </row>
    <row r="12" spans="1:6">
      <c r="A12" s="1" t="s">
        <v>423</v>
      </c>
      <c r="B12" s="1" t="s">
        <v>7</v>
      </c>
      <c r="C12" s="1" t="s">
        <v>1385</v>
      </c>
    </row>
    <row r="13" spans="1:6">
      <c r="A13" s="7"/>
      <c r="B13" s="1" t="s">
        <v>14</v>
      </c>
      <c r="C13" s="1" t="s">
        <v>283</v>
      </c>
      <c r="D13" t="s">
        <v>153</v>
      </c>
    </row>
    <row r="14" spans="1:6">
      <c r="B14" s="1" t="s">
        <v>14</v>
      </c>
      <c r="C14" s="1" t="s">
        <v>284</v>
      </c>
      <c r="D14" t="s">
        <v>155</v>
      </c>
    </row>
    <row r="15" spans="1:6" ht="26.1">
      <c r="B15" s="1" t="s">
        <v>14</v>
      </c>
      <c r="C15" s="2" t="s">
        <v>1386</v>
      </c>
      <c r="D15" t="s">
        <v>1387</v>
      </c>
    </row>
    <row r="16" spans="1:6" ht="101.1">
      <c r="A16" s="2" t="s">
        <v>1388</v>
      </c>
      <c r="B16" s="1" t="s">
        <v>521</v>
      </c>
      <c r="C16" s="1" t="s">
        <v>1389</v>
      </c>
    </row>
  </sheetData>
  <mergeCells count="1">
    <mergeCell ref="A1:F1"/>
  </mergeCells>
  <pageMargins left="0.7" right="0.7" top="0.75" bottom="0.75" header="0.3" footer="0.3"/>
  <pageSetup orientation="portrait" horizontalDpi="300" verticalDpi="0" copies="0"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FBF0439-187B-4D14-B679-C7444670F8D6}">
  <dimension ref="A1:F12"/>
  <sheetViews>
    <sheetView topLeftCell="A4" workbookViewId="0">
      <selection activeCell="A15" sqref="A15"/>
    </sheetView>
  </sheetViews>
  <sheetFormatPr defaultRowHeight="14.45"/>
  <cols>
    <col min="1" max="1" width="30.7109375" customWidth="1"/>
    <col min="2" max="2" width="18.28515625" customWidth="1"/>
    <col min="3" max="3" width="35.140625" customWidth="1"/>
    <col min="4" max="4" width="13.5703125" customWidth="1"/>
  </cols>
  <sheetData>
    <row r="1" spans="1:6" ht="18.600000000000001">
      <c r="A1" s="73" t="s">
        <v>1390</v>
      </c>
      <c r="B1" s="73"/>
      <c r="C1" s="73"/>
      <c r="D1" s="73"/>
      <c r="E1" s="73"/>
      <c r="F1" s="73"/>
    </row>
    <row r="2" spans="1:6">
      <c r="A2" s="6" t="s">
        <v>1</v>
      </c>
      <c r="B2" s="6" t="s">
        <v>2</v>
      </c>
      <c r="C2" s="6" t="s">
        <v>3</v>
      </c>
      <c r="D2" s="6" t="s">
        <v>4</v>
      </c>
    </row>
    <row r="3" spans="1:6" ht="24.95">
      <c r="A3" s="4" t="s">
        <v>1391</v>
      </c>
      <c r="B3" s="3" t="s">
        <v>526</v>
      </c>
      <c r="C3" s="4" t="s">
        <v>1392</v>
      </c>
    </row>
    <row r="4" spans="1:6" ht="24.95">
      <c r="A4" s="4" t="s">
        <v>1393</v>
      </c>
      <c r="B4" s="3" t="s">
        <v>526</v>
      </c>
      <c r="C4" s="4" t="s">
        <v>1392</v>
      </c>
    </row>
    <row r="5" spans="1:6" ht="37.5">
      <c r="A5" s="4" t="s">
        <v>1394</v>
      </c>
      <c r="B5" s="3" t="s">
        <v>1395</v>
      </c>
      <c r="C5" s="4" t="s">
        <v>1396</v>
      </c>
    </row>
    <row r="6" spans="1:6" ht="24.95">
      <c r="A6" s="3" t="s">
        <v>1397</v>
      </c>
      <c r="B6" s="3" t="s">
        <v>1395</v>
      </c>
      <c r="C6" s="4" t="s">
        <v>1398</v>
      </c>
    </row>
    <row r="7" spans="1:6" ht="37.5">
      <c r="A7" s="4" t="s">
        <v>1399</v>
      </c>
      <c r="B7" s="3" t="s">
        <v>1395</v>
      </c>
      <c r="C7" s="4" t="s">
        <v>1400</v>
      </c>
    </row>
    <row r="8" spans="1:6" ht="37.5">
      <c r="A8" s="4" t="s">
        <v>1401</v>
      </c>
      <c r="B8" s="3" t="s">
        <v>1395</v>
      </c>
      <c r="C8" s="4" t="s">
        <v>1402</v>
      </c>
    </row>
    <row r="9" spans="1:6" ht="37.5">
      <c r="A9" s="4" t="s">
        <v>1403</v>
      </c>
      <c r="B9" s="3" t="s">
        <v>1395</v>
      </c>
      <c r="C9" s="4" t="s">
        <v>1404</v>
      </c>
    </row>
    <row r="10" spans="1:6" ht="99.95">
      <c r="A10" s="4" t="s">
        <v>1405</v>
      </c>
      <c r="B10" s="3" t="s">
        <v>1395</v>
      </c>
      <c r="C10" s="4" t="s">
        <v>1406</v>
      </c>
    </row>
    <row r="11" spans="1:6" ht="24.95">
      <c r="A11" s="4" t="s">
        <v>1407</v>
      </c>
      <c r="B11" s="3" t="s">
        <v>553</v>
      </c>
      <c r="C11" s="4" t="s">
        <v>1408</v>
      </c>
    </row>
    <row r="12" spans="1:6" ht="50.1">
      <c r="A12" s="4" t="s">
        <v>1409</v>
      </c>
      <c r="B12" s="3" t="s">
        <v>553</v>
      </c>
      <c r="C12" s="4" t="s">
        <v>1410</v>
      </c>
    </row>
  </sheetData>
  <mergeCells count="1">
    <mergeCell ref="A1:F1"/>
  </mergeCells>
  <pageMargins left="0.7" right="0.7" top="0.75" bottom="0.75" header="0.3" footer="0.3"/>
  <pageSetup orientation="portrait" horizontalDpi="200" verticalDpi="200"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AEEF38-512D-4064-AD1C-6B2145149820}">
  <dimension ref="A1:F115"/>
  <sheetViews>
    <sheetView workbookViewId="0">
      <selection sqref="A1:F2"/>
    </sheetView>
  </sheetViews>
  <sheetFormatPr defaultRowHeight="14.45"/>
  <cols>
    <col min="1" max="1" width="36.7109375" customWidth="1"/>
    <col min="2" max="2" width="18.5703125" customWidth="1"/>
    <col min="3" max="3" width="52.140625" customWidth="1"/>
    <col min="4" max="4" width="12.140625" customWidth="1"/>
  </cols>
  <sheetData>
    <row r="1" spans="1:6" ht="18.600000000000001">
      <c r="A1" s="73" t="s">
        <v>1411</v>
      </c>
      <c r="B1" s="73"/>
      <c r="C1" s="73"/>
      <c r="D1" s="73"/>
      <c r="E1" s="73"/>
      <c r="F1" s="73"/>
    </row>
    <row r="2" spans="1:6">
      <c r="A2" s="6" t="s">
        <v>1</v>
      </c>
      <c r="B2" s="6" t="s">
        <v>2</v>
      </c>
      <c r="C2" s="6" t="s">
        <v>3</v>
      </c>
      <c r="D2" s="6" t="s">
        <v>4</v>
      </c>
    </row>
    <row r="3" spans="1:6">
      <c r="A3" s="1" t="s">
        <v>1412</v>
      </c>
      <c r="B3" t="s">
        <v>7</v>
      </c>
      <c r="C3" s="1" t="s">
        <v>1413</v>
      </c>
    </row>
    <row r="4" spans="1:6">
      <c r="B4" t="s">
        <v>425</v>
      </c>
      <c r="C4" t="s">
        <v>1414</v>
      </c>
      <c r="D4" t="s">
        <v>1415</v>
      </c>
    </row>
    <row r="5" spans="1:6">
      <c r="B5" t="s">
        <v>425</v>
      </c>
      <c r="C5" t="s">
        <v>1416</v>
      </c>
      <c r="D5" t="s">
        <v>153</v>
      </c>
    </row>
    <row r="6" spans="1:6">
      <c r="B6" t="s">
        <v>425</v>
      </c>
      <c r="C6" s="1" t="s">
        <v>1417</v>
      </c>
      <c r="D6" t="s">
        <v>155</v>
      </c>
    </row>
    <row r="7" spans="1:6">
      <c r="B7" t="s">
        <v>425</v>
      </c>
      <c r="C7" s="1" t="s">
        <v>358</v>
      </c>
      <c r="D7" t="s">
        <v>307</v>
      </c>
    </row>
    <row r="8" spans="1:6" s="23" customFormat="1" ht="26.1">
      <c r="A8" s="34" t="s">
        <v>1418</v>
      </c>
      <c r="B8" s="23" t="s">
        <v>159</v>
      </c>
      <c r="C8" s="35" t="s">
        <v>1419</v>
      </c>
    </row>
    <row r="9" spans="1:6" ht="26.1">
      <c r="A9" s="2" t="s">
        <v>1420</v>
      </c>
      <c r="B9" t="s">
        <v>159</v>
      </c>
      <c r="C9" s="1" t="s">
        <v>1421</v>
      </c>
    </row>
    <row r="10" spans="1:6" ht="26.1">
      <c r="A10" s="2" t="s">
        <v>440</v>
      </c>
      <c r="B10" t="s">
        <v>176</v>
      </c>
      <c r="C10" s="1" t="s">
        <v>1181</v>
      </c>
    </row>
    <row r="11" spans="1:6">
      <c r="A11" s="1" t="s">
        <v>1422</v>
      </c>
      <c r="C11" s="1"/>
    </row>
    <row r="12" spans="1:6" ht="38.450000000000003">
      <c r="A12" s="2" t="s">
        <v>1423</v>
      </c>
      <c r="B12" t="s">
        <v>159</v>
      </c>
      <c r="C12" s="1" t="s">
        <v>1424</v>
      </c>
    </row>
    <row r="13" spans="1:6" ht="38.450000000000003">
      <c r="A13" s="2" t="s">
        <v>1425</v>
      </c>
      <c r="B13" t="s">
        <v>159</v>
      </c>
      <c r="C13" s="1" t="s">
        <v>1426</v>
      </c>
    </row>
    <row r="14" spans="1:6" ht="26.1">
      <c r="A14" s="2" t="s">
        <v>1427</v>
      </c>
      <c r="B14" t="s">
        <v>159</v>
      </c>
      <c r="C14" s="1" t="s">
        <v>1428</v>
      </c>
    </row>
    <row r="15" spans="1:6" ht="26.1">
      <c r="A15" s="2" t="s">
        <v>1429</v>
      </c>
      <c r="B15" t="s">
        <v>159</v>
      </c>
      <c r="C15" s="1" t="s">
        <v>1430</v>
      </c>
    </row>
    <row r="16" spans="1:6">
      <c r="A16" s="1" t="s">
        <v>1431</v>
      </c>
      <c r="C16" s="1"/>
    </row>
    <row r="17" spans="1:3" ht="38.450000000000003">
      <c r="A17" s="2" t="s">
        <v>1432</v>
      </c>
      <c r="B17" t="s">
        <v>159</v>
      </c>
      <c r="C17" s="1" t="s">
        <v>1433</v>
      </c>
    </row>
    <row r="18" spans="1:3" ht="37.5">
      <c r="A18" s="4" t="s">
        <v>1425</v>
      </c>
      <c r="B18" t="s">
        <v>159</v>
      </c>
      <c r="C18" s="1" t="s">
        <v>1434</v>
      </c>
    </row>
    <row r="19" spans="1:3" ht="26.1">
      <c r="A19" s="2" t="s">
        <v>1427</v>
      </c>
      <c r="B19" t="s">
        <v>159</v>
      </c>
      <c r="C19" s="1" t="s">
        <v>1435</v>
      </c>
    </row>
    <row r="20" spans="1:3" ht="26.1">
      <c r="A20" s="2" t="s">
        <v>1429</v>
      </c>
      <c r="B20" t="s">
        <v>159</v>
      </c>
      <c r="C20" s="1" t="s">
        <v>1436</v>
      </c>
    </row>
    <row r="21" spans="1:3" ht="51">
      <c r="A21" s="2" t="s">
        <v>1437</v>
      </c>
      <c r="B21" t="s">
        <v>159</v>
      </c>
      <c r="C21" s="1" t="s">
        <v>1438</v>
      </c>
    </row>
    <row r="22" spans="1:3">
      <c r="A22" s="1" t="s">
        <v>1439</v>
      </c>
      <c r="C22" s="1"/>
    </row>
    <row r="23" spans="1:3" ht="38.450000000000003">
      <c r="A23" s="2" t="s">
        <v>1440</v>
      </c>
      <c r="B23" t="s">
        <v>159</v>
      </c>
      <c r="C23" s="1" t="s">
        <v>1441</v>
      </c>
    </row>
    <row r="24" spans="1:3" ht="37.5">
      <c r="A24" s="4" t="s">
        <v>1425</v>
      </c>
      <c r="B24" t="s">
        <v>159</v>
      </c>
      <c r="C24" s="1" t="s">
        <v>1442</v>
      </c>
    </row>
    <row r="25" spans="1:3" ht="24.95">
      <c r="A25" s="4" t="s">
        <v>1427</v>
      </c>
      <c r="B25" t="s">
        <v>159</v>
      </c>
      <c r="C25" s="1" t="s">
        <v>1443</v>
      </c>
    </row>
    <row r="26" spans="1:3" ht="26.1">
      <c r="A26" s="2" t="s">
        <v>1429</v>
      </c>
      <c r="B26" t="s">
        <v>159</v>
      </c>
      <c r="C26" s="1" t="s">
        <v>1444</v>
      </c>
    </row>
    <row r="27" spans="1:3">
      <c r="A27" s="1" t="s">
        <v>1445</v>
      </c>
      <c r="C27" s="1"/>
    </row>
    <row r="28" spans="1:3" ht="38.450000000000003">
      <c r="A28" s="2" t="s">
        <v>1446</v>
      </c>
      <c r="B28" t="s">
        <v>159</v>
      </c>
      <c r="C28" s="1" t="s">
        <v>1447</v>
      </c>
    </row>
    <row r="29" spans="1:3" ht="38.450000000000003">
      <c r="A29" s="2" t="s">
        <v>1425</v>
      </c>
      <c r="B29" t="s">
        <v>159</v>
      </c>
      <c r="C29" s="1" t="s">
        <v>1448</v>
      </c>
    </row>
    <row r="30" spans="1:3" ht="26.1">
      <c r="A30" s="2" t="s">
        <v>1427</v>
      </c>
      <c r="B30" t="s">
        <v>159</v>
      </c>
      <c r="C30" s="1" t="s">
        <v>1449</v>
      </c>
    </row>
    <row r="31" spans="1:3" ht="26.1">
      <c r="A31" s="2" t="s">
        <v>1429</v>
      </c>
      <c r="B31" t="s">
        <v>159</v>
      </c>
      <c r="C31" s="1" t="s">
        <v>1450</v>
      </c>
    </row>
    <row r="32" spans="1:3">
      <c r="A32" s="1" t="s">
        <v>1451</v>
      </c>
      <c r="C32" s="1"/>
    </row>
    <row r="33" spans="1:3" ht="37.5">
      <c r="A33" s="4" t="s">
        <v>1432</v>
      </c>
      <c r="B33" t="s">
        <v>159</v>
      </c>
      <c r="C33" s="1" t="s">
        <v>1452</v>
      </c>
    </row>
    <row r="34" spans="1:3" ht="37.5">
      <c r="A34" s="4" t="s">
        <v>1425</v>
      </c>
      <c r="B34" t="s">
        <v>159</v>
      </c>
      <c r="C34" s="1" t="s">
        <v>1453</v>
      </c>
    </row>
    <row r="35" spans="1:3" ht="24.95">
      <c r="A35" s="4" t="s">
        <v>1427</v>
      </c>
      <c r="B35" t="s">
        <v>159</v>
      </c>
      <c r="C35" s="1" t="s">
        <v>1454</v>
      </c>
    </row>
    <row r="36" spans="1:3" ht="24.95">
      <c r="A36" s="4" t="s">
        <v>1429</v>
      </c>
      <c r="B36" t="s">
        <v>159</v>
      </c>
      <c r="C36" s="1" t="s">
        <v>1455</v>
      </c>
    </row>
    <row r="37" spans="1:3" ht="26.1">
      <c r="A37" s="2" t="s">
        <v>1456</v>
      </c>
    </row>
    <row r="38" spans="1:3">
      <c r="A38" s="1" t="s">
        <v>1457</v>
      </c>
      <c r="B38" t="s">
        <v>159</v>
      </c>
      <c r="C38" s="1" t="s">
        <v>1458</v>
      </c>
    </row>
    <row r="39" spans="1:3">
      <c r="A39" s="1" t="s">
        <v>1459</v>
      </c>
      <c r="B39" t="s">
        <v>159</v>
      </c>
      <c r="C39" s="1" t="s">
        <v>1460</v>
      </c>
    </row>
    <row r="40" spans="1:3" ht="26.1">
      <c r="A40" s="2" t="s">
        <v>1461</v>
      </c>
      <c r="B40" t="s">
        <v>159</v>
      </c>
      <c r="C40" s="1" t="s">
        <v>1462</v>
      </c>
    </row>
    <row r="41" spans="1:3">
      <c r="A41" s="1" t="s">
        <v>1463</v>
      </c>
      <c r="B41" t="s">
        <v>159</v>
      </c>
      <c r="C41" s="1" t="s">
        <v>1464</v>
      </c>
    </row>
    <row r="42" spans="1:3">
      <c r="A42" s="1" t="s">
        <v>1465</v>
      </c>
      <c r="B42" t="s">
        <v>159</v>
      </c>
      <c r="C42" s="1" t="s">
        <v>1466</v>
      </c>
    </row>
    <row r="43" spans="1:3">
      <c r="A43" s="1" t="s">
        <v>1467</v>
      </c>
      <c r="B43" t="s">
        <v>159</v>
      </c>
      <c r="C43" s="1" t="s">
        <v>1468</v>
      </c>
    </row>
    <row r="44" spans="1:3" ht="26.1">
      <c r="A44" s="2" t="s">
        <v>1469</v>
      </c>
    </row>
    <row r="45" spans="1:3">
      <c r="A45" s="1" t="s">
        <v>1470</v>
      </c>
      <c r="B45" t="s">
        <v>159</v>
      </c>
      <c r="C45" s="2" t="s">
        <v>1471</v>
      </c>
    </row>
    <row r="46" spans="1:3">
      <c r="A46" s="32">
        <v>2500</v>
      </c>
      <c r="B46" t="s">
        <v>159</v>
      </c>
      <c r="C46" s="2" t="s">
        <v>1472</v>
      </c>
    </row>
    <row r="47" spans="1:3">
      <c r="A47" s="1" t="s">
        <v>1473</v>
      </c>
      <c r="B47" t="s">
        <v>159</v>
      </c>
      <c r="C47" s="2" t="s">
        <v>1474</v>
      </c>
    </row>
    <row r="48" spans="1:3">
      <c r="A48" s="32">
        <v>2000</v>
      </c>
      <c r="B48" t="s">
        <v>159</v>
      </c>
      <c r="C48" s="2" t="s">
        <v>1475</v>
      </c>
    </row>
    <row r="49" spans="1:3">
      <c r="A49" s="1" t="s">
        <v>1476</v>
      </c>
      <c r="B49" t="s">
        <v>159</v>
      </c>
      <c r="C49" s="2" t="s">
        <v>1477</v>
      </c>
    </row>
    <row r="50" spans="1:3">
      <c r="A50" s="32">
        <v>1500</v>
      </c>
      <c r="B50" t="s">
        <v>159</v>
      </c>
      <c r="C50" s="2" t="s">
        <v>1478</v>
      </c>
    </row>
    <row r="51" spans="1:3">
      <c r="A51" s="1" t="s">
        <v>1479</v>
      </c>
      <c r="B51" t="s">
        <v>159</v>
      </c>
      <c r="C51" s="2" t="s">
        <v>1480</v>
      </c>
    </row>
    <row r="52" spans="1:3">
      <c r="A52" s="32">
        <v>1000</v>
      </c>
      <c r="B52" t="s">
        <v>159</v>
      </c>
      <c r="C52" s="1" t="s">
        <v>1481</v>
      </c>
    </row>
    <row r="53" spans="1:3">
      <c r="A53" s="1" t="s">
        <v>1482</v>
      </c>
      <c r="B53" t="s">
        <v>159</v>
      </c>
      <c r="C53" s="1" t="s">
        <v>1483</v>
      </c>
    </row>
    <row r="54" spans="1:3">
      <c r="A54" s="32">
        <v>500</v>
      </c>
      <c r="B54" t="s">
        <v>159</v>
      </c>
      <c r="C54" s="1" t="s">
        <v>1484</v>
      </c>
    </row>
    <row r="55" spans="1:3">
      <c r="A55" s="1" t="s">
        <v>1485</v>
      </c>
      <c r="B55" t="s">
        <v>159</v>
      </c>
      <c r="C55" s="1" t="s">
        <v>1486</v>
      </c>
    </row>
    <row r="56" spans="1:3">
      <c r="A56" s="1" t="s">
        <v>1487</v>
      </c>
      <c r="B56" t="s">
        <v>159</v>
      </c>
      <c r="C56" s="1" t="s">
        <v>1488</v>
      </c>
    </row>
    <row r="57" spans="1:3">
      <c r="A57" s="1" t="s">
        <v>1489</v>
      </c>
      <c r="B57" t="s">
        <v>159</v>
      </c>
      <c r="C57" s="1" t="s">
        <v>1490</v>
      </c>
    </row>
    <row r="58" spans="1:3">
      <c r="A58" s="32">
        <v>2500</v>
      </c>
      <c r="B58" t="s">
        <v>159</v>
      </c>
      <c r="C58" s="1" t="s">
        <v>1491</v>
      </c>
    </row>
    <row r="59" spans="1:3">
      <c r="A59" s="1" t="s">
        <v>1492</v>
      </c>
      <c r="B59" t="s">
        <v>159</v>
      </c>
      <c r="C59" s="1" t="s">
        <v>1493</v>
      </c>
    </row>
    <row r="60" spans="1:3">
      <c r="A60" s="32">
        <v>2000</v>
      </c>
      <c r="B60" t="s">
        <v>159</v>
      </c>
      <c r="C60" s="1" t="s">
        <v>1494</v>
      </c>
    </row>
    <row r="61" spans="1:3">
      <c r="A61" s="1" t="s">
        <v>1495</v>
      </c>
      <c r="B61" t="s">
        <v>159</v>
      </c>
      <c r="C61" s="1" t="s">
        <v>1496</v>
      </c>
    </row>
    <row r="62" spans="1:3">
      <c r="A62" s="32">
        <v>1500</v>
      </c>
      <c r="B62" t="s">
        <v>159</v>
      </c>
      <c r="C62" s="1" t="s">
        <v>1497</v>
      </c>
    </row>
    <row r="63" spans="1:3">
      <c r="A63" s="1" t="s">
        <v>1498</v>
      </c>
      <c r="B63" t="s">
        <v>159</v>
      </c>
      <c r="C63" s="1" t="s">
        <v>1499</v>
      </c>
    </row>
    <row r="64" spans="1:3">
      <c r="A64" s="32">
        <v>1000</v>
      </c>
      <c r="B64" t="s">
        <v>159</v>
      </c>
      <c r="C64" s="1" t="s">
        <v>1500</v>
      </c>
    </row>
    <row r="65" spans="1:3">
      <c r="A65" s="1" t="s">
        <v>1501</v>
      </c>
      <c r="B65" t="s">
        <v>159</v>
      </c>
      <c r="C65" s="1" t="s">
        <v>1502</v>
      </c>
    </row>
    <row r="66" spans="1:3">
      <c r="A66" s="33">
        <v>500</v>
      </c>
      <c r="B66" t="s">
        <v>159</v>
      </c>
      <c r="C66" s="1" t="s">
        <v>1503</v>
      </c>
    </row>
    <row r="67" spans="1:3">
      <c r="A67" s="1" t="s">
        <v>1504</v>
      </c>
      <c r="B67" t="s">
        <v>159</v>
      </c>
      <c r="C67" s="1" t="s">
        <v>1505</v>
      </c>
    </row>
    <row r="68" spans="1:3">
      <c r="A68" s="1" t="s">
        <v>1487</v>
      </c>
      <c r="B68" t="s">
        <v>159</v>
      </c>
      <c r="C68" s="1" t="s">
        <v>1506</v>
      </c>
    </row>
    <row r="69" spans="1:3">
      <c r="A69" s="1" t="s">
        <v>1507</v>
      </c>
    </row>
    <row r="70" spans="1:3">
      <c r="A70" s="1" t="s">
        <v>1508</v>
      </c>
      <c r="B70" t="s">
        <v>159</v>
      </c>
      <c r="C70" s="1" t="s">
        <v>1509</v>
      </c>
    </row>
    <row r="71" spans="1:3">
      <c r="A71" s="32">
        <v>2500</v>
      </c>
      <c r="B71" t="s">
        <v>159</v>
      </c>
      <c r="C71" s="1" t="s">
        <v>1510</v>
      </c>
    </row>
    <row r="72" spans="1:3">
      <c r="A72" s="1" t="s">
        <v>1511</v>
      </c>
      <c r="B72" t="s">
        <v>159</v>
      </c>
      <c r="C72" s="1" t="s">
        <v>1512</v>
      </c>
    </row>
    <row r="73" spans="1:3">
      <c r="A73" s="32">
        <v>2000</v>
      </c>
      <c r="B73" t="s">
        <v>159</v>
      </c>
      <c r="C73" s="1" t="s">
        <v>1513</v>
      </c>
    </row>
    <row r="74" spans="1:3">
      <c r="A74" s="1" t="s">
        <v>1514</v>
      </c>
      <c r="B74" t="s">
        <v>159</v>
      </c>
      <c r="C74" s="1" t="s">
        <v>1515</v>
      </c>
    </row>
    <row r="75" spans="1:3">
      <c r="A75" s="32">
        <v>1500</v>
      </c>
      <c r="B75" t="s">
        <v>159</v>
      </c>
      <c r="C75" s="1" t="s">
        <v>1516</v>
      </c>
    </row>
    <row r="76" spans="1:3">
      <c r="A76" s="1" t="s">
        <v>1517</v>
      </c>
      <c r="B76" t="s">
        <v>159</v>
      </c>
      <c r="C76" s="1" t="s">
        <v>1518</v>
      </c>
    </row>
    <row r="77" spans="1:3">
      <c r="A77" s="32">
        <v>1000</v>
      </c>
      <c r="B77" t="s">
        <v>159</v>
      </c>
      <c r="C77" s="1" t="s">
        <v>1519</v>
      </c>
    </row>
    <row r="78" spans="1:3">
      <c r="A78" s="1" t="s">
        <v>1520</v>
      </c>
      <c r="B78" t="s">
        <v>159</v>
      </c>
      <c r="C78" s="1" t="s">
        <v>1521</v>
      </c>
    </row>
    <row r="79" spans="1:3">
      <c r="A79" s="32">
        <v>500</v>
      </c>
      <c r="B79" t="s">
        <v>159</v>
      </c>
      <c r="C79" s="1" t="s">
        <v>1522</v>
      </c>
    </row>
    <row r="80" spans="1:3">
      <c r="A80" s="1" t="s">
        <v>1523</v>
      </c>
      <c r="B80" t="s">
        <v>159</v>
      </c>
      <c r="C80" s="1" t="s">
        <v>1524</v>
      </c>
    </row>
    <row r="81" spans="1:3">
      <c r="A81" s="1" t="s">
        <v>1487</v>
      </c>
      <c r="B81" t="s">
        <v>159</v>
      </c>
      <c r="C81" s="1" t="s">
        <v>1525</v>
      </c>
    </row>
    <row r="82" spans="1:3">
      <c r="A82" s="1" t="s">
        <v>659</v>
      </c>
    </row>
    <row r="83" spans="1:3">
      <c r="A83" s="1" t="s">
        <v>1526</v>
      </c>
      <c r="B83" t="s">
        <v>159</v>
      </c>
      <c r="C83" s="1" t="s">
        <v>1527</v>
      </c>
    </row>
    <row r="84" spans="1:3">
      <c r="A84" s="32">
        <v>2500</v>
      </c>
      <c r="B84" t="s">
        <v>159</v>
      </c>
      <c r="C84" s="1" t="s">
        <v>1528</v>
      </c>
    </row>
    <row r="85" spans="1:3">
      <c r="A85" s="1" t="s">
        <v>1473</v>
      </c>
      <c r="B85" t="s">
        <v>159</v>
      </c>
      <c r="C85" s="1" t="s">
        <v>1529</v>
      </c>
    </row>
    <row r="86" spans="1:3">
      <c r="A86" s="32">
        <v>2000</v>
      </c>
      <c r="B86" t="s">
        <v>159</v>
      </c>
      <c r="C86" s="1" t="s">
        <v>1530</v>
      </c>
    </row>
    <row r="87" spans="1:3">
      <c r="A87" s="1" t="s">
        <v>1476</v>
      </c>
      <c r="B87" t="s">
        <v>159</v>
      </c>
      <c r="C87" s="1" t="s">
        <v>1531</v>
      </c>
    </row>
    <row r="88" spans="1:3">
      <c r="A88" s="32">
        <v>1500</v>
      </c>
      <c r="B88" t="s">
        <v>159</v>
      </c>
      <c r="C88" s="1" t="s">
        <v>1532</v>
      </c>
    </row>
    <row r="89" spans="1:3">
      <c r="A89" s="1" t="s">
        <v>1479</v>
      </c>
      <c r="B89" t="s">
        <v>159</v>
      </c>
      <c r="C89" s="1" t="s">
        <v>1533</v>
      </c>
    </row>
    <row r="90" spans="1:3">
      <c r="A90" s="32">
        <v>1000</v>
      </c>
      <c r="B90" t="s">
        <v>159</v>
      </c>
      <c r="C90" s="1" t="s">
        <v>1534</v>
      </c>
    </row>
    <row r="91" spans="1:3">
      <c r="A91" s="1" t="s">
        <v>1482</v>
      </c>
      <c r="B91" t="s">
        <v>159</v>
      </c>
      <c r="C91" s="1" t="s">
        <v>1535</v>
      </c>
    </row>
    <row r="92" spans="1:3">
      <c r="A92" s="32">
        <v>500</v>
      </c>
      <c r="B92" t="s">
        <v>159</v>
      </c>
      <c r="C92" s="1" t="s">
        <v>1536</v>
      </c>
    </row>
    <row r="93" spans="1:3">
      <c r="A93" s="1" t="s">
        <v>1485</v>
      </c>
      <c r="B93" t="s">
        <v>159</v>
      </c>
      <c r="C93" s="1" t="s">
        <v>1537</v>
      </c>
    </row>
    <row r="94" spans="1:3">
      <c r="A94" s="1" t="s">
        <v>1487</v>
      </c>
      <c r="B94" t="s">
        <v>159</v>
      </c>
      <c r="C94" s="1" t="s">
        <v>1538</v>
      </c>
    </row>
    <row r="95" spans="1:3" ht="26.1">
      <c r="A95" s="2" t="s">
        <v>1539</v>
      </c>
    </row>
    <row r="96" spans="1:3" ht="38.450000000000003">
      <c r="A96" s="2" t="s">
        <v>1540</v>
      </c>
      <c r="B96" t="s">
        <v>159</v>
      </c>
      <c r="C96" s="1" t="s">
        <v>1541</v>
      </c>
    </row>
    <row r="97" spans="1:4">
      <c r="A97" s="1" t="s">
        <v>1542</v>
      </c>
      <c r="C97" s="1" t="s">
        <v>1543</v>
      </c>
    </row>
    <row r="98" spans="1:4">
      <c r="A98" s="1"/>
      <c r="B98" t="s">
        <v>425</v>
      </c>
      <c r="C98" s="1" t="s">
        <v>1544</v>
      </c>
      <c r="D98" s="1">
        <v>10000</v>
      </c>
    </row>
    <row r="99" spans="1:4">
      <c r="B99" t="s">
        <v>425</v>
      </c>
      <c r="C99" s="1" t="s">
        <v>1545</v>
      </c>
      <c r="D99" s="1">
        <v>20000</v>
      </c>
    </row>
    <row r="100" spans="1:4">
      <c r="B100" t="s">
        <v>425</v>
      </c>
      <c r="C100" s="1" t="s">
        <v>1546</v>
      </c>
      <c r="D100" s="1">
        <v>15000</v>
      </c>
    </row>
    <row r="101" spans="1:4">
      <c r="A101" s="1" t="s">
        <v>1547</v>
      </c>
      <c r="B101" t="s">
        <v>159</v>
      </c>
      <c r="C101" s="1" t="s">
        <v>1548</v>
      </c>
    </row>
    <row r="102" spans="1:4" ht="37.5">
      <c r="A102" s="4" t="s">
        <v>1549</v>
      </c>
      <c r="B102" t="s">
        <v>159</v>
      </c>
      <c r="C102" s="1" t="s">
        <v>1550</v>
      </c>
    </row>
    <row r="103" spans="1:4" ht="38.450000000000003">
      <c r="A103" s="2" t="s">
        <v>1551</v>
      </c>
      <c r="B103" t="s">
        <v>159</v>
      </c>
      <c r="C103" s="1" t="s">
        <v>1552</v>
      </c>
    </row>
    <row r="104" spans="1:4">
      <c r="A104" s="1" t="s">
        <v>1553</v>
      </c>
      <c r="B104" t="s">
        <v>159</v>
      </c>
      <c r="C104" s="1" t="s">
        <v>1554</v>
      </c>
    </row>
    <row r="105" spans="1:4" ht="26.1">
      <c r="A105" s="2" t="s">
        <v>1555</v>
      </c>
      <c r="B105" t="s">
        <v>159</v>
      </c>
      <c r="C105" s="1" t="s">
        <v>1556</v>
      </c>
    </row>
    <row r="106" spans="1:4" ht="26.1">
      <c r="A106" s="2" t="s">
        <v>1557</v>
      </c>
      <c r="B106" t="s">
        <v>159</v>
      </c>
      <c r="C106" s="1" t="s">
        <v>1558</v>
      </c>
    </row>
    <row r="107" spans="1:4">
      <c r="A107" s="1" t="s">
        <v>1559</v>
      </c>
      <c r="B107" t="s">
        <v>159</v>
      </c>
      <c r="C107" s="1" t="s">
        <v>1560</v>
      </c>
    </row>
    <row r="108" spans="1:4">
      <c r="A108" s="1" t="s">
        <v>1561</v>
      </c>
      <c r="B108" t="s">
        <v>159</v>
      </c>
      <c r="C108" s="1" t="s">
        <v>1562</v>
      </c>
    </row>
    <row r="109" spans="1:4" ht="26.1">
      <c r="A109" s="2" t="s">
        <v>1563</v>
      </c>
      <c r="B109" t="s">
        <v>159</v>
      </c>
      <c r="C109" s="1" t="s">
        <v>1564</v>
      </c>
    </row>
    <row r="110" spans="1:4" ht="26.1">
      <c r="A110" s="2" t="s">
        <v>1565</v>
      </c>
      <c r="B110" t="s">
        <v>159</v>
      </c>
      <c r="C110" s="1" t="s">
        <v>1566</v>
      </c>
    </row>
    <row r="111" spans="1:4">
      <c r="A111" s="2" t="s">
        <v>1567</v>
      </c>
      <c r="B111" t="s">
        <v>159</v>
      </c>
      <c r="C111" s="1" t="s">
        <v>1568</v>
      </c>
    </row>
    <row r="112" spans="1:4" ht="26.1">
      <c r="A112" s="2" t="s">
        <v>1569</v>
      </c>
      <c r="B112" t="s">
        <v>159</v>
      </c>
      <c r="C112" s="1" t="s">
        <v>1570</v>
      </c>
    </row>
    <row r="113" spans="1:3" ht="26.1">
      <c r="A113" s="2" t="s">
        <v>1571</v>
      </c>
      <c r="B113" t="s">
        <v>159</v>
      </c>
      <c r="C113" s="1" t="s">
        <v>1572</v>
      </c>
    </row>
    <row r="114" spans="1:3" ht="88.5">
      <c r="A114" s="2" t="s">
        <v>1573</v>
      </c>
      <c r="B114" t="s">
        <v>159</v>
      </c>
      <c r="C114" s="1" t="s">
        <v>1574</v>
      </c>
    </row>
    <row r="115" spans="1:3" ht="38.450000000000003">
      <c r="A115" s="2" t="s">
        <v>1575</v>
      </c>
      <c r="B115" t="s">
        <v>159</v>
      </c>
      <c r="C115" s="1" t="s">
        <v>1576</v>
      </c>
    </row>
  </sheetData>
  <mergeCells count="1">
    <mergeCell ref="A1:F1"/>
  </mergeCells>
  <pageMargins left="0.7" right="0.7" top="0.75" bottom="0.75" header="0.3" footer="0.3"/>
  <pageSetup orientation="portrait" horizontalDpi="300" verticalDpi="0" copies="0" r:id="rId1"/>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C9BA05-2DF3-48AB-A5C1-71550C1FCDD9}">
  <dimension ref="A1:F19"/>
  <sheetViews>
    <sheetView workbookViewId="0">
      <selection sqref="A1:F1"/>
    </sheetView>
  </sheetViews>
  <sheetFormatPr defaultRowHeight="14.45"/>
  <cols>
    <col min="1" max="1" width="36.28515625" customWidth="1"/>
    <col min="2" max="2" width="17.5703125" customWidth="1"/>
    <col min="3" max="3" width="45.140625" customWidth="1"/>
    <col min="4" max="4" width="22.42578125" customWidth="1"/>
  </cols>
  <sheetData>
    <row r="1" spans="1:6" ht="18.600000000000001">
      <c r="A1" s="73" t="s">
        <v>1577</v>
      </c>
      <c r="B1" s="73"/>
      <c r="C1" s="73"/>
      <c r="D1" s="73"/>
      <c r="E1" s="73"/>
      <c r="F1" s="73"/>
    </row>
    <row r="2" spans="1:6">
      <c r="A2" s="6" t="s">
        <v>1</v>
      </c>
      <c r="B2" s="6" t="s">
        <v>2</v>
      </c>
      <c r="C2" s="6" t="s">
        <v>3</v>
      </c>
      <c r="D2" s="6" t="s">
        <v>4</v>
      </c>
    </row>
    <row r="3" spans="1:6">
      <c r="A3" s="1" t="s">
        <v>1578</v>
      </c>
      <c r="B3" t="s">
        <v>354</v>
      </c>
      <c r="C3" s="1" t="s">
        <v>1579</v>
      </c>
    </row>
    <row r="4" spans="1:6">
      <c r="A4" s="1"/>
      <c r="B4" t="s">
        <v>425</v>
      </c>
      <c r="C4" s="1" t="s">
        <v>1580</v>
      </c>
      <c r="D4" t="s">
        <v>1581</v>
      </c>
    </row>
    <row r="5" spans="1:6">
      <c r="A5" s="1"/>
      <c r="B5" t="s">
        <v>425</v>
      </c>
      <c r="C5" s="1" t="s">
        <v>1582</v>
      </c>
      <c r="D5" t="s">
        <v>153</v>
      </c>
    </row>
    <row r="6" spans="1:6">
      <c r="A6" s="1"/>
      <c r="B6" t="s">
        <v>425</v>
      </c>
      <c r="C6" s="1" t="s">
        <v>656</v>
      </c>
      <c r="D6" t="s">
        <v>155</v>
      </c>
    </row>
    <row r="7" spans="1:6">
      <c r="A7" s="1"/>
      <c r="B7" t="s">
        <v>425</v>
      </c>
      <c r="C7" s="1" t="s">
        <v>429</v>
      </c>
      <c r="D7" t="s">
        <v>307</v>
      </c>
    </row>
    <row r="8" spans="1:6">
      <c r="A8" s="1" t="s">
        <v>1023</v>
      </c>
      <c r="B8" t="s">
        <v>354</v>
      </c>
      <c r="C8" s="1" t="s">
        <v>1583</v>
      </c>
    </row>
    <row r="9" spans="1:6">
      <c r="A9" s="1"/>
      <c r="B9" t="s">
        <v>425</v>
      </c>
      <c r="C9" s="1" t="s">
        <v>1584</v>
      </c>
    </row>
    <row r="10" spans="1:6" ht="26.1">
      <c r="A10" s="2" t="s">
        <v>1585</v>
      </c>
      <c r="B10" t="s">
        <v>1129</v>
      </c>
      <c r="C10" s="1" t="s">
        <v>1586</v>
      </c>
    </row>
    <row r="11" spans="1:6" ht="26.1">
      <c r="A11" s="2" t="s">
        <v>1587</v>
      </c>
      <c r="B11" t="s">
        <v>1129</v>
      </c>
      <c r="C11" s="1" t="s">
        <v>1588</v>
      </c>
    </row>
    <row r="12" spans="1:6" ht="38.450000000000003">
      <c r="A12" s="2" t="s">
        <v>1589</v>
      </c>
      <c r="B12" t="s">
        <v>176</v>
      </c>
      <c r="C12" s="2" t="s">
        <v>1590</v>
      </c>
    </row>
    <row r="13" spans="1:6" ht="51">
      <c r="A13" s="2" t="s">
        <v>1591</v>
      </c>
      <c r="B13" t="s">
        <v>176</v>
      </c>
      <c r="C13" s="2" t="s">
        <v>1592</v>
      </c>
    </row>
    <row r="14" spans="1:6">
      <c r="A14" s="62" t="s">
        <v>1593</v>
      </c>
      <c r="B14" s="61" t="s">
        <v>354</v>
      </c>
      <c r="C14" s="62" t="s">
        <v>1594</v>
      </c>
    </row>
    <row r="15" spans="1:6">
      <c r="A15" s="1"/>
      <c r="B15" t="s">
        <v>425</v>
      </c>
      <c r="C15" s="1" t="s">
        <v>566</v>
      </c>
    </row>
    <row r="16" spans="1:6" ht="38.450000000000003">
      <c r="A16" s="2" t="s">
        <v>1595</v>
      </c>
      <c r="B16" t="s">
        <v>1129</v>
      </c>
      <c r="C16" s="1" t="s">
        <v>1596</v>
      </c>
    </row>
    <row r="17" spans="1:3" ht="26.1">
      <c r="A17" s="2" t="s">
        <v>1597</v>
      </c>
      <c r="B17" t="s">
        <v>176</v>
      </c>
      <c r="C17" s="1" t="s">
        <v>1598</v>
      </c>
    </row>
    <row r="18" spans="1:3">
      <c r="A18" s="1" t="s">
        <v>1599</v>
      </c>
      <c r="B18" t="s">
        <v>176</v>
      </c>
      <c r="C18" s="1" t="s">
        <v>1600</v>
      </c>
    </row>
    <row r="19" spans="1:3" ht="26.1">
      <c r="A19" s="2" t="s">
        <v>1601</v>
      </c>
      <c r="B19" t="s">
        <v>176</v>
      </c>
      <c r="C19" s="1" t="s">
        <v>1602</v>
      </c>
    </row>
  </sheetData>
  <mergeCells count="1">
    <mergeCell ref="A1:F1"/>
  </mergeCells>
  <pageMargins left="0.7" right="0.7" top="0.75" bottom="0.75" header="0.3" footer="0.3"/>
  <pageSetup orientation="portrait" horizontalDpi="300" verticalDpi="0" copies="0"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F6476F-AA0F-445E-93C6-E07DFE282051}">
  <dimension ref="A1:F16"/>
  <sheetViews>
    <sheetView workbookViewId="0">
      <selection sqref="A1:XFD1"/>
    </sheetView>
  </sheetViews>
  <sheetFormatPr defaultRowHeight="14.45"/>
  <cols>
    <col min="1" max="1" width="36.5703125" customWidth="1"/>
    <col min="2" max="2" width="16.42578125" customWidth="1"/>
    <col min="3" max="3" width="41.5703125" customWidth="1"/>
    <col min="4" max="4" width="11.5703125" customWidth="1"/>
  </cols>
  <sheetData>
    <row r="1" spans="1:6" ht="18.600000000000001">
      <c r="A1" s="130" t="s">
        <v>1603</v>
      </c>
      <c r="B1" s="130"/>
      <c r="C1" s="130"/>
      <c r="D1" s="130"/>
      <c r="E1" s="130"/>
      <c r="F1" s="130"/>
    </row>
    <row r="2" spans="1:6">
      <c r="A2" s="6" t="s">
        <v>1</v>
      </c>
      <c r="B2" s="6" t="s">
        <v>2</v>
      </c>
      <c r="C2" s="6" t="s">
        <v>3</v>
      </c>
      <c r="D2" s="6" t="s">
        <v>4</v>
      </c>
      <c r="E2" s="12"/>
      <c r="F2" s="12"/>
    </row>
    <row r="3" spans="1:6" ht="43.5">
      <c r="A3" s="7" t="s">
        <v>1604</v>
      </c>
      <c r="B3" t="s">
        <v>1083</v>
      </c>
      <c r="C3" t="s">
        <v>1605</v>
      </c>
    </row>
    <row r="4" spans="1:6">
      <c r="B4" t="s">
        <v>679</v>
      </c>
      <c r="C4" t="s">
        <v>1089</v>
      </c>
      <c r="D4" t="s">
        <v>178</v>
      </c>
    </row>
    <row r="5" spans="1:6">
      <c r="B5" t="s">
        <v>679</v>
      </c>
      <c r="C5" t="s">
        <v>1090</v>
      </c>
      <c r="D5" t="s">
        <v>180</v>
      </c>
    </row>
    <row r="6" spans="1:6">
      <c r="A6" t="s">
        <v>1606</v>
      </c>
      <c r="B6" t="s">
        <v>159</v>
      </c>
      <c r="C6" t="s">
        <v>1607</v>
      </c>
    </row>
    <row r="7" spans="1:6">
      <c r="A7" t="s">
        <v>1608</v>
      </c>
      <c r="B7" t="s">
        <v>159</v>
      </c>
      <c r="C7" t="s">
        <v>1609</v>
      </c>
    </row>
    <row r="8" spans="1:6">
      <c r="A8" t="s">
        <v>1610</v>
      </c>
      <c r="B8" t="s">
        <v>159</v>
      </c>
      <c r="C8" t="s">
        <v>1611</v>
      </c>
    </row>
    <row r="9" spans="1:6">
      <c r="A9" t="s">
        <v>1612</v>
      </c>
      <c r="B9" t="s">
        <v>159</v>
      </c>
      <c r="C9" t="s">
        <v>1613</v>
      </c>
    </row>
    <row r="10" spans="1:6">
      <c r="A10" t="s">
        <v>1614</v>
      </c>
      <c r="B10" t="s">
        <v>159</v>
      </c>
      <c r="C10" t="s">
        <v>1615</v>
      </c>
    </row>
    <row r="11" spans="1:6">
      <c r="A11" t="s">
        <v>1616</v>
      </c>
      <c r="B11" t="s">
        <v>159</v>
      </c>
      <c r="C11" t="s">
        <v>1617</v>
      </c>
    </row>
    <row r="12" spans="1:6">
      <c r="A12" t="s">
        <v>1618</v>
      </c>
      <c r="B12" t="s">
        <v>159</v>
      </c>
      <c r="C12" t="s">
        <v>1619</v>
      </c>
    </row>
    <row r="13" spans="1:6">
      <c r="A13" t="s">
        <v>1620</v>
      </c>
      <c r="B13" t="s">
        <v>354</v>
      </c>
      <c r="C13" t="s">
        <v>1621</v>
      </c>
    </row>
    <row r="14" spans="1:6">
      <c r="B14" t="s">
        <v>14</v>
      </c>
      <c r="C14" t="s">
        <v>1057</v>
      </c>
    </row>
    <row r="15" spans="1:6">
      <c r="A15" t="s">
        <v>1622</v>
      </c>
      <c r="B15" t="s">
        <v>159</v>
      </c>
      <c r="C15" t="s">
        <v>1623</v>
      </c>
    </row>
    <row r="16" spans="1:6">
      <c r="A16" t="s">
        <v>1622</v>
      </c>
      <c r="B16" t="s">
        <v>159</v>
      </c>
      <c r="C16" t="s">
        <v>1624</v>
      </c>
    </row>
  </sheetData>
  <mergeCells count="1">
    <mergeCell ref="A1:F1"/>
  </mergeCells>
  <pageMargins left="0.7" right="0.7" top="0.75" bottom="0.75" header="0.3" footer="0.3"/>
  <pageSetup orientation="portrait" horizontalDpi="200" verticalDpi="20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21B6DF1-BB70-4149-9C7F-B38E50930890}">
  <dimension ref="A1:I40"/>
  <sheetViews>
    <sheetView topLeftCell="A18" workbookViewId="0">
      <selection activeCell="C35" sqref="C35:C36"/>
    </sheetView>
  </sheetViews>
  <sheetFormatPr defaultRowHeight="14.45"/>
  <cols>
    <col min="1" max="1" width="18.42578125" bestFit="1" customWidth="1"/>
    <col min="2" max="2" width="20.5703125" customWidth="1"/>
    <col min="3" max="3" width="21.7109375" style="36" customWidth="1"/>
    <col min="4" max="4" width="12" bestFit="1" customWidth="1"/>
    <col min="5" max="5" width="18.42578125" customWidth="1"/>
    <col min="6" max="6" width="5.5703125" bestFit="1" customWidth="1"/>
    <col min="7" max="7" width="16.7109375" bestFit="1" customWidth="1"/>
    <col min="8" max="8" width="29.5703125" customWidth="1"/>
    <col min="9" max="9" width="40.5703125" customWidth="1"/>
  </cols>
  <sheetData>
    <row r="1" spans="1:9" ht="15.6" thickBot="1">
      <c r="A1" s="47" t="s">
        <v>271</v>
      </c>
      <c r="B1" s="71">
        <v>2019</v>
      </c>
      <c r="C1" s="46">
        <v>2020</v>
      </c>
      <c r="D1" s="71" t="s">
        <v>272</v>
      </c>
      <c r="E1" s="71" t="s">
        <v>273</v>
      </c>
      <c r="F1" s="74" t="s">
        <v>274</v>
      </c>
      <c r="G1" s="75"/>
      <c r="H1" s="76"/>
      <c r="I1" s="71" t="s">
        <v>275</v>
      </c>
    </row>
    <row r="2" spans="1:9">
      <c r="A2" s="86" t="s">
        <v>276</v>
      </c>
      <c r="B2" s="86" t="s">
        <v>277</v>
      </c>
      <c r="C2" s="90" t="s">
        <v>278</v>
      </c>
      <c r="D2" s="86" t="s">
        <v>279</v>
      </c>
      <c r="E2" s="86" t="s">
        <v>279</v>
      </c>
      <c r="F2" s="77" t="s">
        <v>280</v>
      </c>
      <c r="G2" s="78"/>
      <c r="H2" s="79"/>
      <c r="I2" s="119" t="s">
        <v>281</v>
      </c>
    </row>
    <row r="3" spans="1:9" ht="14.45" customHeight="1">
      <c r="A3" s="87"/>
      <c r="B3" s="87"/>
      <c r="C3" s="91"/>
      <c r="D3" s="87"/>
      <c r="E3" s="87"/>
      <c r="F3" s="80"/>
      <c r="G3" s="81"/>
      <c r="H3" s="82"/>
      <c r="I3" s="120"/>
    </row>
    <row r="4" spans="1:9" ht="15" customHeight="1" thickBot="1">
      <c r="A4" s="93"/>
      <c r="B4" s="93"/>
      <c r="C4" s="92"/>
      <c r="D4" s="93"/>
      <c r="E4" s="93"/>
      <c r="F4" s="83"/>
      <c r="G4" s="84"/>
      <c r="H4" s="85"/>
      <c r="I4" s="121"/>
    </row>
    <row r="5" spans="1:9" ht="30.6" thickBot="1">
      <c r="A5" s="86" t="s">
        <v>148</v>
      </c>
      <c r="B5" s="86" t="s">
        <v>169</v>
      </c>
      <c r="C5" s="88" t="s">
        <v>169</v>
      </c>
      <c r="D5" s="86">
        <v>3</v>
      </c>
      <c r="E5" s="86" t="s">
        <v>279</v>
      </c>
      <c r="F5" s="45" t="s">
        <v>4</v>
      </c>
      <c r="G5" s="45">
        <v>2019</v>
      </c>
      <c r="H5" s="45">
        <v>2020</v>
      </c>
      <c r="I5" s="123" t="s">
        <v>282</v>
      </c>
    </row>
    <row r="6" spans="1:9" ht="31.5" thickBot="1">
      <c r="A6" s="87"/>
      <c r="B6" s="87"/>
      <c r="C6" s="89"/>
      <c r="D6" s="87"/>
      <c r="E6" s="87"/>
      <c r="F6" s="70" t="s">
        <v>153</v>
      </c>
      <c r="G6" s="70" t="s">
        <v>283</v>
      </c>
      <c r="H6" s="70" t="s">
        <v>173</v>
      </c>
      <c r="I6" s="124"/>
    </row>
    <row r="7" spans="1:9" ht="15.95" thickBot="1">
      <c r="A7" s="87"/>
      <c r="B7" s="87"/>
      <c r="C7" s="89"/>
      <c r="D7" s="87"/>
      <c r="E7" s="87"/>
      <c r="F7" s="70" t="s">
        <v>155</v>
      </c>
      <c r="G7" s="70" t="s">
        <v>284</v>
      </c>
      <c r="H7" s="70" t="s">
        <v>285</v>
      </c>
      <c r="I7" s="124"/>
    </row>
    <row r="8" spans="1:9" ht="78" thickBot="1">
      <c r="A8" s="87"/>
      <c r="B8" s="87"/>
      <c r="C8" s="89"/>
      <c r="D8" s="87"/>
      <c r="E8" s="87"/>
      <c r="F8" s="70" t="s">
        <v>157</v>
      </c>
      <c r="G8" s="70" t="s">
        <v>286</v>
      </c>
      <c r="H8" s="70" t="s">
        <v>287</v>
      </c>
      <c r="I8" s="125"/>
    </row>
    <row r="9" spans="1:9" ht="14.45" customHeight="1">
      <c r="A9" s="86" t="s">
        <v>288</v>
      </c>
      <c r="B9" s="86" t="s">
        <v>160</v>
      </c>
      <c r="C9" s="88" t="s">
        <v>277</v>
      </c>
      <c r="D9" s="86">
        <v>5</v>
      </c>
      <c r="E9" s="86" t="s">
        <v>279</v>
      </c>
      <c r="F9" s="110"/>
      <c r="G9" s="111"/>
      <c r="H9" s="112"/>
      <c r="I9" s="119" t="s">
        <v>281</v>
      </c>
    </row>
    <row r="10" spans="1:9" ht="14.45" customHeight="1" thickBot="1">
      <c r="A10" s="93"/>
      <c r="B10" s="93"/>
      <c r="C10" s="109"/>
      <c r="D10" s="93"/>
      <c r="E10" s="93"/>
      <c r="F10" s="116"/>
      <c r="G10" s="122"/>
      <c r="H10" s="118"/>
      <c r="I10" s="120"/>
    </row>
    <row r="11" spans="1:9" ht="15" thickBot="1">
      <c r="A11" s="93"/>
      <c r="B11" s="93"/>
      <c r="C11" s="109"/>
      <c r="D11" s="93"/>
      <c r="E11" s="93"/>
      <c r="F11" s="113"/>
      <c r="G11" s="114"/>
      <c r="H11" s="115"/>
      <c r="I11" s="121"/>
    </row>
    <row r="12" spans="1:9" ht="14.45" customHeight="1">
      <c r="A12" s="86" t="s">
        <v>289</v>
      </c>
      <c r="B12" s="86" t="s">
        <v>164</v>
      </c>
      <c r="C12" s="88" t="s">
        <v>164</v>
      </c>
      <c r="D12" s="86" t="s">
        <v>290</v>
      </c>
      <c r="E12" s="86" t="s">
        <v>291</v>
      </c>
      <c r="F12" s="110"/>
      <c r="G12" s="111"/>
      <c r="H12" s="112"/>
      <c r="I12" s="119" t="s">
        <v>281</v>
      </c>
    </row>
    <row r="13" spans="1:9" ht="14.45" customHeight="1">
      <c r="A13" s="87"/>
      <c r="B13" s="87"/>
      <c r="C13" s="89"/>
      <c r="D13" s="87"/>
      <c r="E13" s="87"/>
      <c r="F13" s="116"/>
      <c r="G13" s="122"/>
      <c r="H13" s="118"/>
      <c r="I13" s="120"/>
    </row>
    <row r="14" spans="1:9" ht="15" thickBot="1">
      <c r="A14" s="93"/>
      <c r="B14" s="93"/>
      <c r="C14" s="109"/>
      <c r="D14" s="93"/>
      <c r="E14" s="93"/>
      <c r="F14" s="113"/>
      <c r="G14" s="114"/>
      <c r="H14" s="115"/>
      <c r="I14" s="121"/>
    </row>
    <row r="15" spans="1:9" ht="31.5" thickBot="1">
      <c r="A15" s="67" t="s">
        <v>292</v>
      </c>
      <c r="B15" s="70" t="s">
        <v>277</v>
      </c>
      <c r="C15" s="37" t="s">
        <v>186</v>
      </c>
      <c r="D15" s="70" t="s">
        <v>279</v>
      </c>
      <c r="E15" s="70" t="s">
        <v>293</v>
      </c>
      <c r="F15" s="97"/>
      <c r="G15" s="98"/>
      <c r="H15" s="99"/>
      <c r="I15" s="68"/>
    </row>
    <row r="16" spans="1:9" ht="29.45" customHeight="1" thickBot="1">
      <c r="A16" s="67" t="s">
        <v>294</v>
      </c>
      <c r="B16" s="70" t="s">
        <v>8</v>
      </c>
      <c r="C16" s="43" t="s">
        <v>8</v>
      </c>
      <c r="D16" s="68"/>
      <c r="E16" s="68"/>
      <c r="F16" s="97" t="s">
        <v>295</v>
      </c>
      <c r="G16" s="98"/>
      <c r="H16" s="99"/>
      <c r="I16" s="68"/>
    </row>
    <row r="17" spans="1:9" ht="50.45" customHeight="1" thickBot="1">
      <c r="A17" s="67" t="s">
        <v>294</v>
      </c>
      <c r="B17" s="70" t="s">
        <v>9</v>
      </c>
      <c r="C17" s="48" t="s">
        <v>9</v>
      </c>
      <c r="D17" s="49"/>
      <c r="E17" s="49"/>
      <c r="F17" s="103" t="s">
        <v>296</v>
      </c>
      <c r="G17" s="104"/>
      <c r="H17" s="105"/>
      <c r="I17" s="68"/>
    </row>
    <row r="18" spans="1:9" ht="30.6" thickBot="1">
      <c r="A18" s="39" t="s">
        <v>297</v>
      </c>
      <c r="B18" s="68"/>
      <c r="C18" s="38"/>
      <c r="D18" s="68"/>
      <c r="E18" s="68"/>
      <c r="F18" s="97"/>
      <c r="G18" s="98"/>
      <c r="H18" s="99"/>
      <c r="I18" s="68"/>
    </row>
    <row r="19" spans="1:9" ht="15.95" thickBot="1">
      <c r="A19" s="67" t="s">
        <v>298</v>
      </c>
      <c r="B19" s="70" t="s">
        <v>73</v>
      </c>
      <c r="C19" s="37" t="s">
        <v>200</v>
      </c>
      <c r="D19" s="70" t="s">
        <v>299</v>
      </c>
      <c r="E19" s="70" t="s">
        <v>300</v>
      </c>
      <c r="F19" s="100" t="s">
        <v>301</v>
      </c>
      <c r="G19" s="101"/>
      <c r="H19" s="102"/>
      <c r="I19" s="68"/>
    </row>
    <row r="20" spans="1:9" ht="31.5" thickBot="1">
      <c r="A20" s="67" t="s">
        <v>302</v>
      </c>
      <c r="B20" s="70" t="s">
        <v>77</v>
      </c>
      <c r="C20" s="37" t="s">
        <v>208</v>
      </c>
      <c r="D20" s="70" t="s">
        <v>303</v>
      </c>
      <c r="E20" s="70" t="s">
        <v>304</v>
      </c>
      <c r="F20" s="100" t="s">
        <v>301</v>
      </c>
      <c r="G20" s="101"/>
      <c r="H20" s="102"/>
      <c r="I20" s="68"/>
    </row>
    <row r="21" spans="1:9" ht="15.95" thickBot="1">
      <c r="A21" s="67" t="s">
        <v>305</v>
      </c>
      <c r="B21" s="70" t="s">
        <v>81</v>
      </c>
      <c r="C21" s="43" t="s">
        <v>277</v>
      </c>
      <c r="D21" s="44" t="s">
        <v>306</v>
      </c>
      <c r="E21" s="70" t="s">
        <v>279</v>
      </c>
      <c r="F21" s="97"/>
      <c r="G21" s="98"/>
      <c r="H21" s="99"/>
      <c r="I21" s="68"/>
    </row>
    <row r="22" spans="1:9" ht="15.95" thickBot="1">
      <c r="A22" s="67" t="s">
        <v>215</v>
      </c>
      <c r="B22" s="70" t="s">
        <v>85</v>
      </c>
      <c r="C22" s="37" t="s">
        <v>216</v>
      </c>
      <c r="D22" s="70" t="s">
        <v>307</v>
      </c>
      <c r="E22" s="70" t="s">
        <v>308</v>
      </c>
      <c r="F22" s="100" t="s">
        <v>301</v>
      </c>
      <c r="G22" s="101"/>
      <c r="H22" s="102"/>
      <c r="I22" s="68"/>
    </row>
    <row r="23" spans="1:9" ht="60.6" thickBot="1">
      <c r="A23" s="39" t="s">
        <v>309</v>
      </c>
      <c r="B23" s="68"/>
      <c r="C23" s="38"/>
      <c r="D23" s="68"/>
      <c r="E23" s="68"/>
      <c r="F23" s="97"/>
      <c r="G23" s="98"/>
      <c r="H23" s="99"/>
      <c r="I23" s="68"/>
    </row>
    <row r="24" spans="1:9" ht="31.5" thickBot="1">
      <c r="A24" s="67" t="s">
        <v>310</v>
      </c>
      <c r="B24" s="70" t="s">
        <v>89</v>
      </c>
      <c r="C24" s="43" t="s">
        <v>89</v>
      </c>
      <c r="D24" s="70">
        <v>1</v>
      </c>
      <c r="E24" s="70" t="s">
        <v>311</v>
      </c>
      <c r="F24" s="97"/>
      <c r="G24" s="98"/>
      <c r="H24" s="99"/>
      <c r="I24" s="68"/>
    </row>
    <row r="25" spans="1:9" ht="15.6">
      <c r="A25" s="86" t="s">
        <v>312</v>
      </c>
      <c r="B25" s="86" t="s">
        <v>93</v>
      </c>
      <c r="C25" s="88" t="s">
        <v>93</v>
      </c>
      <c r="D25" s="86">
        <v>2</v>
      </c>
      <c r="E25" s="86" t="s">
        <v>313</v>
      </c>
      <c r="F25" s="77" t="s">
        <v>314</v>
      </c>
      <c r="G25" s="78"/>
      <c r="H25" s="79"/>
      <c r="I25" s="94"/>
    </row>
    <row r="26" spans="1:9">
      <c r="A26" s="87"/>
      <c r="B26" s="87"/>
      <c r="C26" s="89"/>
      <c r="D26" s="87"/>
      <c r="E26" s="87"/>
      <c r="F26" s="106"/>
      <c r="G26" s="107"/>
      <c r="H26" s="108"/>
      <c r="I26" s="95"/>
    </row>
    <row r="27" spans="1:9" ht="44.45" customHeight="1" thickBot="1">
      <c r="A27" s="93"/>
      <c r="B27" s="93"/>
      <c r="C27" s="109"/>
      <c r="D27" s="93"/>
      <c r="E27" s="93"/>
      <c r="F27" s="83" t="s">
        <v>315</v>
      </c>
      <c r="G27" s="84"/>
      <c r="H27" s="85"/>
      <c r="I27" s="96"/>
    </row>
    <row r="28" spans="1:9" ht="31.5" thickBot="1">
      <c r="A28" s="67" t="s">
        <v>316</v>
      </c>
      <c r="B28" s="70" t="s">
        <v>97</v>
      </c>
      <c r="C28" s="43" t="s">
        <v>97</v>
      </c>
      <c r="D28" s="70">
        <v>3</v>
      </c>
      <c r="E28" s="70" t="s">
        <v>317</v>
      </c>
      <c r="F28" s="97"/>
      <c r="G28" s="98"/>
      <c r="H28" s="99"/>
      <c r="I28" s="68"/>
    </row>
    <row r="29" spans="1:9" ht="31.5" thickBot="1">
      <c r="A29" s="67" t="s">
        <v>318</v>
      </c>
      <c r="B29" s="70" t="s">
        <v>101</v>
      </c>
      <c r="C29" s="43" t="s">
        <v>101</v>
      </c>
      <c r="D29" s="70">
        <v>4</v>
      </c>
      <c r="E29" s="70" t="s">
        <v>319</v>
      </c>
      <c r="F29" s="97"/>
      <c r="G29" s="98"/>
      <c r="H29" s="99"/>
      <c r="I29" s="68"/>
    </row>
    <row r="30" spans="1:9" ht="15.95" thickBot="1">
      <c r="A30" s="67" t="s">
        <v>320</v>
      </c>
      <c r="B30" s="70" t="s">
        <v>109</v>
      </c>
      <c r="C30" s="37" t="s">
        <v>220</v>
      </c>
      <c r="D30" s="70">
        <v>6</v>
      </c>
      <c r="E30" s="70" t="s">
        <v>321</v>
      </c>
      <c r="F30" s="97"/>
      <c r="G30" s="98"/>
      <c r="H30" s="99"/>
      <c r="I30" s="68"/>
    </row>
    <row r="31" spans="1:9" ht="15.6">
      <c r="A31" s="86" t="s">
        <v>223</v>
      </c>
      <c r="B31" s="86" t="s">
        <v>105</v>
      </c>
      <c r="C31" s="88" t="s">
        <v>105</v>
      </c>
      <c r="D31" s="86">
        <v>5</v>
      </c>
      <c r="E31" s="72"/>
      <c r="F31" s="110"/>
      <c r="G31" s="111"/>
      <c r="H31" s="112"/>
      <c r="I31" s="94"/>
    </row>
    <row r="32" spans="1:9" ht="31.5" thickBot="1">
      <c r="A32" s="87"/>
      <c r="B32" s="87"/>
      <c r="C32" s="89"/>
      <c r="D32" s="87"/>
      <c r="E32" s="72" t="s">
        <v>322</v>
      </c>
      <c r="F32" s="116"/>
      <c r="G32" s="117"/>
      <c r="H32" s="118"/>
      <c r="I32" s="96"/>
    </row>
    <row r="33" spans="1:9" ht="84.95" customHeight="1" thickBot="1">
      <c r="A33" s="42" t="s">
        <v>223</v>
      </c>
      <c r="B33" s="41"/>
      <c r="C33" s="50" t="s">
        <v>224</v>
      </c>
      <c r="D33" s="69"/>
      <c r="E33" s="51" t="s">
        <v>323</v>
      </c>
      <c r="F33" s="126" t="s">
        <v>324</v>
      </c>
      <c r="G33" s="126"/>
      <c r="H33" s="126"/>
      <c r="I33" s="40"/>
    </row>
    <row r="34" spans="1:9" ht="15.6" thickBot="1">
      <c r="A34" s="39" t="s">
        <v>325</v>
      </c>
      <c r="B34" s="68"/>
      <c r="C34" s="38"/>
      <c r="D34" s="68"/>
      <c r="E34" s="68"/>
      <c r="F34" s="113"/>
      <c r="G34" s="114"/>
      <c r="H34" s="115"/>
      <c r="I34" s="68"/>
    </row>
    <row r="35" spans="1:9" ht="15.6">
      <c r="A35" s="86" t="s">
        <v>215</v>
      </c>
      <c r="B35" s="86" t="s">
        <v>53</v>
      </c>
      <c r="C35" s="90" t="s">
        <v>263</v>
      </c>
      <c r="D35" s="86">
        <v>9</v>
      </c>
      <c r="E35" s="72" t="s">
        <v>326</v>
      </c>
      <c r="F35" s="77" t="s">
        <v>327</v>
      </c>
      <c r="G35" s="78"/>
      <c r="H35" s="79"/>
      <c r="I35" s="94"/>
    </row>
    <row r="36" spans="1:9" ht="31.5" thickBot="1">
      <c r="A36" s="93"/>
      <c r="B36" s="93"/>
      <c r="C36" s="92"/>
      <c r="D36" s="93"/>
      <c r="E36" s="70" t="s">
        <v>328</v>
      </c>
      <c r="F36" s="83"/>
      <c r="G36" s="84"/>
      <c r="H36" s="85"/>
      <c r="I36" s="96"/>
    </row>
    <row r="37" spans="1:9" ht="31.5" thickBot="1">
      <c r="A37" s="67" t="s">
        <v>329</v>
      </c>
      <c r="B37" s="70" t="s">
        <v>277</v>
      </c>
      <c r="C37" s="37" t="s">
        <v>256</v>
      </c>
      <c r="D37" s="70" t="s">
        <v>279</v>
      </c>
      <c r="E37" s="70" t="s">
        <v>330</v>
      </c>
      <c r="F37" s="97"/>
      <c r="G37" s="98"/>
      <c r="H37" s="99"/>
      <c r="I37" s="68"/>
    </row>
    <row r="38" spans="1:9" ht="30.95">
      <c r="A38" s="86" t="s">
        <v>238</v>
      </c>
      <c r="B38" s="86" t="s">
        <v>277</v>
      </c>
      <c r="C38" s="90" t="s">
        <v>331</v>
      </c>
      <c r="D38" s="86" t="s">
        <v>279</v>
      </c>
      <c r="E38" s="72" t="s">
        <v>332</v>
      </c>
      <c r="F38" s="110"/>
      <c r="G38" s="111"/>
      <c r="H38" s="112"/>
      <c r="I38" s="94"/>
    </row>
    <row r="39" spans="1:9" ht="15.95" thickBot="1">
      <c r="A39" s="93"/>
      <c r="B39" s="93"/>
      <c r="C39" s="92"/>
      <c r="D39" s="93"/>
      <c r="E39" s="70" t="s">
        <v>333</v>
      </c>
      <c r="F39" s="113"/>
      <c r="G39" s="114"/>
      <c r="H39" s="115"/>
      <c r="I39" s="96"/>
    </row>
    <row r="40" spans="1:9" ht="31.5" thickBot="1">
      <c r="A40" s="67" t="s">
        <v>334</v>
      </c>
      <c r="B40" s="70" t="s">
        <v>49</v>
      </c>
      <c r="C40" s="37" t="s">
        <v>240</v>
      </c>
      <c r="D40" s="70">
        <v>8</v>
      </c>
      <c r="E40" s="70" t="s">
        <v>335</v>
      </c>
      <c r="F40" s="97"/>
      <c r="G40" s="98"/>
      <c r="H40" s="99"/>
      <c r="I40" s="68"/>
    </row>
  </sheetData>
  <mergeCells count="72">
    <mergeCell ref="A9:A11"/>
    <mergeCell ref="A12:A14"/>
    <mergeCell ref="B12:B14"/>
    <mergeCell ref="C12:C14"/>
    <mergeCell ref="D12:D14"/>
    <mergeCell ref="B9:B11"/>
    <mergeCell ref="C9:C11"/>
    <mergeCell ref="D9:D11"/>
    <mergeCell ref="F28:H28"/>
    <mergeCell ref="F29:H29"/>
    <mergeCell ref="F30:H30"/>
    <mergeCell ref="I38:I39"/>
    <mergeCell ref="F34:H34"/>
    <mergeCell ref="F33:H33"/>
    <mergeCell ref="I2:I4"/>
    <mergeCell ref="E2:E4"/>
    <mergeCell ref="F12:H14"/>
    <mergeCell ref="E9:E11"/>
    <mergeCell ref="F9:H11"/>
    <mergeCell ref="E12:E14"/>
    <mergeCell ref="I12:I14"/>
    <mergeCell ref="I5:I8"/>
    <mergeCell ref="I9:I11"/>
    <mergeCell ref="A31:A32"/>
    <mergeCell ref="B31:B32"/>
    <mergeCell ref="C31:C32"/>
    <mergeCell ref="D31:D32"/>
    <mergeCell ref="I31:I32"/>
    <mergeCell ref="F31:H32"/>
    <mergeCell ref="F40:H40"/>
    <mergeCell ref="F37:H37"/>
    <mergeCell ref="A38:A39"/>
    <mergeCell ref="B38:B39"/>
    <mergeCell ref="C38:C39"/>
    <mergeCell ref="F38:H39"/>
    <mergeCell ref="D38:D39"/>
    <mergeCell ref="A35:A36"/>
    <mergeCell ref="B35:B36"/>
    <mergeCell ref="C35:C36"/>
    <mergeCell ref="D35:D36"/>
    <mergeCell ref="I35:I36"/>
    <mergeCell ref="F35:H36"/>
    <mergeCell ref="A25:A27"/>
    <mergeCell ref="B25:B27"/>
    <mergeCell ref="C25:C27"/>
    <mergeCell ref="D25:D27"/>
    <mergeCell ref="E25:E27"/>
    <mergeCell ref="I25:I27"/>
    <mergeCell ref="F25:H25"/>
    <mergeCell ref="F15:H15"/>
    <mergeCell ref="F16:H16"/>
    <mergeCell ref="F18:H18"/>
    <mergeCell ref="F19:H19"/>
    <mergeCell ref="F20:H20"/>
    <mergeCell ref="F21:H21"/>
    <mergeCell ref="F17:H17"/>
    <mergeCell ref="F22:H22"/>
    <mergeCell ref="F23:H23"/>
    <mergeCell ref="F24:H24"/>
    <mergeCell ref="F26:H26"/>
    <mergeCell ref="F27:H27"/>
    <mergeCell ref="F1:H1"/>
    <mergeCell ref="F2:H4"/>
    <mergeCell ref="A5:A8"/>
    <mergeCell ref="B5:B8"/>
    <mergeCell ref="C5:C8"/>
    <mergeCell ref="D5:D8"/>
    <mergeCell ref="E5:E8"/>
    <mergeCell ref="C2:C4"/>
    <mergeCell ref="B2:B4"/>
    <mergeCell ref="A2:A4"/>
    <mergeCell ref="D2:D4"/>
  </mergeCells>
  <pageMargins left="0.7" right="0.7" top="0.75" bottom="0.75" header="0.3" footer="0.3"/>
  <pageSetup orientation="portrait"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FE889C3-3BD5-4820-A2B2-AA428F09C804}">
  <dimension ref="A1:F61"/>
  <sheetViews>
    <sheetView topLeftCell="A4" workbookViewId="0">
      <selection activeCell="A7" sqref="A7"/>
    </sheetView>
  </sheetViews>
  <sheetFormatPr defaultRowHeight="14.45"/>
  <cols>
    <col min="1" max="1" width="41" customWidth="1"/>
    <col min="2" max="2" width="19" customWidth="1"/>
    <col min="3" max="3" width="56.7109375" customWidth="1"/>
    <col min="4" max="4" width="19.28515625" customWidth="1"/>
  </cols>
  <sheetData>
    <row r="1" spans="1:6" ht="18.600000000000001">
      <c r="A1" s="130" t="s">
        <v>1625</v>
      </c>
      <c r="B1" s="130"/>
      <c r="C1" s="130"/>
      <c r="D1" s="130"/>
      <c r="E1" s="130"/>
      <c r="F1" s="130"/>
    </row>
    <row r="2" spans="1:6">
      <c r="A2" s="6" t="s">
        <v>1</v>
      </c>
      <c r="B2" s="6" t="s">
        <v>2</v>
      </c>
      <c r="C2" s="6" t="s">
        <v>3</v>
      </c>
      <c r="D2" s="6" t="s">
        <v>4</v>
      </c>
      <c r="E2" s="12"/>
      <c r="F2" s="12"/>
    </row>
    <row r="3" spans="1:6">
      <c r="A3" s="13" t="s">
        <v>1626</v>
      </c>
      <c r="B3" s="13" t="s">
        <v>7</v>
      </c>
      <c r="C3" s="13" t="s">
        <v>1627</v>
      </c>
      <c r="D3" s="12"/>
      <c r="E3" s="12"/>
      <c r="F3" s="12"/>
    </row>
    <row r="4" spans="1:6" ht="24.95">
      <c r="A4" s="12"/>
      <c r="B4" s="13" t="s">
        <v>14</v>
      </c>
      <c r="C4" s="14" t="s">
        <v>1628</v>
      </c>
      <c r="D4" s="12" t="s">
        <v>153</v>
      </c>
      <c r="E4" s="12"/>
      <c r="F4" s="12"/>
    </row>
    <row r="5" spans="1:6">
      <c r="A5" s="12"/>
      <c r="B5" s="13" t="s">
        <v>14</v>
      </c>
      <c r="C5" s="13" t="s">
        <v>284</v>
      </c>
      <c r="D5" s="12" t="s">
        <v>155</v>
      </c>
      <c r="E5" s="12"/>
      <c r="F5" s="12"/>
    </row>
    <row r="6" spans="1:6">
      <c r="A6" s="12"/>
      <c r="B6" s="13" t="s">
        <v>14</v>
      </c>
      <c r="C6" s="13" t="s">
        <v>1629</v>
      </c>
      <c r="D6" s="12" t="s">
        <v>157</v>
      </c>
      <c r="E6" s="12"/>
      <c r="F6" s="12"/>
    </row>
    <row r="7" spans="1:6" ht="50.1">
      <c r="A7" s="14" t="s">
        <v>1630</v>
      </c>
      <c r="B7" s="15" t="s">
        <v>1631</v>
      </c>
      <c r="C7" s="13" t="s">
        <v>1632</v>
      </c>
      <c r="D7" s="12"/>
      <c r="E7" s="12"/>
      <c r="F7" s="12"/>
    </row>
    <row r="8" spans="1:6" ht="24.95">
      <c r="A8" s="14" t="s">
        <v>163</v>
      </c>
      <c r="B8" s="12"/>
      <c r="C8" s="13" t="s">
        <v>1633</v>
      </c>
      <c r="D8" s="12"/>
      <c r="E8" s="12"/>
      <c r="F8" s="12"/>
    </row>
    <row r="9" spans="1:6">
      <c r="A9" s="13" t="s">
        <v>1634</v>
      </c>
      <c r="B9" s="13" t="s">
        <v>7</v>
      </c>
      <c r="C9" s="13" t="s">
        <v>1635</v>
      </c>
      <c r="D9" s="12"/>
      <c r="E9" s="12"/>
      <c r="F9" s="12"/>
    </row>
    <row r="10" spans="1:6">
      <c r="A10" s="13" t="s">
        <v>1636</v>
      </c>
      <c r="B10" s="13" t="s">
        <v>14</v>
      </c>
      <c r="C10" s="12" t="s">
        <v>189</v>
      </c>
      <c r="D10" s="12" t="s">
        <v>189</v>
      </c>
      <c r="E10" s="12"/>
      <c r="F10" s="12"/>
    </row>
    <row r="11" spans="1:6" ht="24.95">
      <c r="A11" s="14" t="s">
        <v>1637</v>
      </c>
      <c r="B11" s="13" t="s">
        <v>14</v>
      </c>
      <c r="C11" s="12" t="s">
        <v>190</v>
      </c>
      <c r="D11" s="12" t="s">
        <v>190</v>
      </c>
      <c r="E11" s="12"/>
      <c r="F11" s="12"/>
    </row>
    <row r="12" spans="1:6">
      <c r="A12" s="13" t="s">
        <v>1638</v>
      </c>
      <c r="B12" s="13" t="s">
        <v>14</v>
      </c>
      <c r="C12" s="12" t="s">
        <v>571</v>
      </c>
      <c r="D12" s="12" t="s">
        <v>571</v>
      </c>
      <c r="E12" s="12"/>
      <c r="F12" s="12"/>
    </row>
    <row r="13" spans="1:6">
      <c r="A13" s="13" t="s">
        <v>1639</v>
      </c>
      <c r="B13" s="13" t="s">
        <v>14</v>
      </c>
      <c r="C13" s="12" t="s">
        <v>573</v>
      </c>
      <c r="D13" s="12" t="s">
        <v>573</v>
      </c>
      <c r="E13" s="12"/>
      <c r="F13" s="12"/>
    </row>
    <row r="14" spans="1:6">
      <c r="A14" s="13" t="s">
        <v>1640</v>
      </c>
      <c r="B14" s="13" t="s">
        <v>14</v>
      </c>
      <c r="C14" s="12" t="s">
        <v>299</v>
      </c>
      <c r="D14" s="12" t="s">
        <v>299</v>
      </c>
      <c r="E14" s="12"/>
      <c r="F14" s="12"/>
    </row>
    <row r="15" spans="1:6" ht="24.95">
      <c r="A15" s="14" t="s">
        <v>1641</v>
      </c>
      <c r="B15" s="13" t="s">
        <v>14</v>
      </c>
      <c r="C15" s="12" t="s">
        <v>303</v>
      </c>
      <c r="D15" s="12" t="s">
        <v>303</v>
      </c>
      <c r="E15" s="12"/>
      <c r="F15" s="12"/>
    </row>
    <row r="16" spans="1:6" ht="62.45">
      <c r="A16" s="14" t="s">
        <v>1642</v>
      </c>
      <c r="B16" s="13" t="s">
        <v>14</v>
      </c>
      <c r="C16" s="12" t="s">
        <v>306</v>
      </c>
      <c r="D16" s="12" t="s">
        <v>306</v>
      </c>
      <c r="E16" s="12"/>
      <c r="F16" s="12"/>
    </row>
    <row r="17" spans="1:6" ht="50.1">
      <c r="A17" s="14" t="s">
        <v>1643</v>
      </c>
      <c r="B17" s="13" t="s">
        <v>14</v>
      </c>
      <c r="C17" s="12" t="s">
        <v>307</v>
      </c>
      <c r="D17" s="12" t="s">
        <v>307</v>
      </c>
      <c r="E17" s="12"/>
      <c r="F17" s="12"/>
    </row>
    <row r="18" spans="1:6" ht="37.5">
      <c r="A18" s="14" t="s">
        <v>1644</v>
      </c>
      <c r="B18" s="13" t="s">
        <v>14</v>
      </c>
      <c r="C18" s="12" t="s">
        <v>155</v>
      </c>
      <c r="D18" s="12" t="s">
        <v>155</v>
      </c>
      <c r="E18" s="12"/>
      <c r="F18" s="12"/>
    </row>
    <row r="19" spans="1:6" ht="24.95">
      <c r="A19" s="14" t="s">
        <v>1645</v>
      </c>
      <c r="B19" s="13" t="s">
        <v>14</v>
      </c>
      <c r="C19" s="12" t="s">
        <v>928</v>
      </c>
      <c r="D19" s="12" t="s">
        <v>928</v>
      </c>
      <c r="E19" s="12"/>
      <c r="F19" s="12"/>
    </row>
    <row r="20" spans="1:6">
      <c r="A20" s="13" t="s">
        <v>1646</v>
      </c>
      <c r="B20" s="13" t="s">
        <v>14</v>
      </c>
      <c r="C20" s="12" t="s">
        <v>1647</v>
      </c>
      <c r="D20" s="12" t="s">
        <v>1647</v>
      </c>
      <c r="E20" s="12"/>
      <c r="F20" s="12"/>
    </row>
    <row r="21" spans="1:6">
      <c r="A21" s="13" t="s">
        <v>1648</v>
      </c>
      <c r="B21" s="13" t="s">
        <v>14</v>
      </c>
      <c r="C21" s="12" t="s">
        <v>1649</v>
      </c>
      <c r="D21" s="12" t="s">
        <v>1649</v>
      </c>
      <c r="E21" s="12"/>
      <c r="F21" s="12"/>
    </row>
    <row r="22" spans="1:6">
      <c r="A22" s="13" t="s">
        <v>1650</v>
      </c>
      <c r="B22" s="15" t="s">
        <v>1631</v>
      </c>
      <c r="C22" s="13" t="s">
        <v>1651</v>
      </c>
      <c r="D22" s="12"/>
      <c r="E22" s="12"/>
      <c r="F22" s="12"/>
    </row>
    <row r="23" spans="1:6" ht="37.5">
      <c r="A23" s="14" t="s">
        <v>1652</v>
      </c>
      <c r="B23" s="15" t="s">
        <v>521</v>
      </c>
      <c r="C23" s="13" t="s">
        <v>1653</v>
      </c>
      <c r="D23" s="12"/>
      <c r="E23" s="12"/>
      <c r="F23" s="12"/>
    </row>
    <row r="24" spans="1:6" ht="24.95">
      <c r="A24" s="14" t="s">
        <v>1654</v>
      </c>
      <c r="B24" s="15" t="s">
        <v>1631</v>
      </c>
      <c r="C24" s="13" t="s">
        <v>1655</v>
      </c>
      <c r="D24" s="12"/>
      <c r="E24" s="12"/>
      <c r="F24" s="12"/>
    </row>
    <row r="25" spans="1:6" ht="24.95">
      <c r="A25" s="14" t="s">
        <v>1656</v>
      </c>
      <c r="B25" s="15" t="s">
        <v>1631</v>
      </c>
      <c r="C25" s="13" t="s">
        <v>1657</v>
      </c>
      <c r="D25" s="12"/>
      <c r="E25" s="12"/>
      <c r="F25" s="12"/>
    </row>
    <row r="26" spans="1:6" ht="24.95">
      <c r="A26" s="14" t="s">
        <v>1658</v>
      </c>
      <c r="B26" s="15" t="s">
        <v>1631</v>
      </c>
      <c r="C26" s="13" t="s">
        <v>1659</v>
      </c>
      <c r="D26" s="12"/>
      <c r="E26" s="12"/>
      <c r="F26" s="12"/>
    </row>
    <row r="27" spans="1:6" ht="24.95">
      <c r="A27" s="14" t="s">
        <v>1660</v>
      </c>
      <c r="B27" s="15" t="s">
        <v>1631</v>
      </c>
      <c r="C27" s="13" t="s">
        <v>1661</v>
      </c>
      <c r="D27" s="12"/>
      <c r="E27" s="12"/>
      <c r="F27" s="12"/>
    </row>
    <row r="28" spans="1:6" ht="24.95">
      <c r="A28" s="14" t="s">
        <v>1662</v>
      </c>
      <c r="B28" s="15" t="s">
        <v>1631</v>
      </c>
      <c r="C28" s="13" t="s">
        <v>1663</v>
      </c>
      <c r="D28" s="12"/>
      <c r="E28" s="12"/>
      <c r="F28" s="12"/>
    </row>
    <row r="29" spans="1:6">
      <c r="A29" s="13" t="s">
        <v>1664</v>
      </c>
      <c r="B29" s="15" t="s">
        <v>1631</v>
      </c>
      <c r="C29" s="13" t="s">
        <v>1665</v>
      </c>
      <c r="D29" s="12"/>
      <c r="E29" s="12"/>
      <c r="F29" s="12"/>
    </row>
    <row r="30" spans="1:6">
      <c r="A30" s="13" t="s">
        <v>1666</v>
      </c>
      <c r="B30" s="15" t="s">
        <v>1631</v>
      </c>
      <c r="C30" s="13" t="s">
        <v>1667</v>
      </c>
      <c r="D30" s="12"/>
      <c r="E30" s="12"/>
      <c r="F30" s="12"/>
    </row>
    <row r="31" spans="1:6" ht="24.95">
      <c r="A31" s="14" t="s">
        <v>1668</v>
      </c>
      <c r="B31" s="15" t="s">
        <v>1631</v>
      </c>
      <c r="C31" s="13" t="s">
        <v>1669</v>
      </c>
      <c r="D31" s="12"/>
      <c r="E31" s="12"/>
      <c r="F31" s="12"/>
    </row>
    <row r="32" spans="1:6" ht="24.95">
      <c r="A32" s="14" t="s">
        <v>1670</v>
      </c>
      <c r="B32" s="13" t="s">
        <v>14</v>
      </c>
      <c r="C32" s="16">
        <v>2270</v>
      </c>
      <c r="D32" s="13">
        <v>2270</v>
      </c>
      <c r="E32" s="12"/>
      <c r="F32" s="12"/>
    </row>
    <row r="33" spans="1:6">
      <c r="A33" s="13" t="s">
        <v>1671</v>
      </c>
      <c r="B33" s="13" t="s">
        <v>14</v>
      </c>
      <c r="C33" s="16">
        <v>3655</v>
      </c>
      <c r="D33" s="13">
        <v>3655</v>
      </c>
      <c r="E33" s="12"/>
      <c r="F33" s="12"/>
    </row>
    <row r="34" spans="1:6" ht="24.95">
      <c r="A34" s="14" t="s">
        <v>1672</v>
      </c>
      <c r="B34" s="13" t="s">
        <v>14</v>
      </c>
      <c r="C34" s="16">
        <v>4545</v>
      </c>
      <c r="D34" s="13">
        <v>4545</v>
      </c>
      <c r="E34" s="12"/>
      <c r="F34" s="12"/>
    </row>
    <row r="35" spans="1:6">
      <c r="A35" s="12" t="s">
        <v>1673</v>
      </c>
      <c r="B35" s="13" t="s">
        <v>1631</v>
      </c>
      <c r="C35" s="13" t="s">
        <v>1674</v>
      </c>
      <c r="D35" s="12"/>
      <c r="E35" s="12"/>
      <c r="F35" s="12"/>
    </row>
    <row r="36" spans="1:6" ht="24.95">
      <c r="A36" s="14" t="s">
        <v>1675</v>
      </c>
      <c r="B36" s="13" t="s">
        <v>1631</v>
      </c>
      <c r="C36" s="13" t="s">
        <v>1676</v>
      </c>
      <c r="D36" s="12"/>
      <c r="E36" s="12"/>
      <c r="F36" s="12"/>
    </row>
    <row r="37" spans="1:6" ht="37.5">
      <c r="A37" s="14" t="s">
        <v>1677</v>
      </c>
      <c r="B37" s="13" t="s">
        <v>1631</v>
      </c>
      <c r="C37" s="13" t="s">
        <v>1678</v>
      </c>
      <c r="D37" s="12"/>
      <c r="E37" s="12"/>
      <c r="F37" s="12"/>
    </row>
    <row r="38" spans="1:6">
      <c r="A38" s="13" t="s">
        <v>1679</v>
      </c>
      <c r="B38" s="13" t="s">
        <v>1631</v>
      </c>
      <c r="C38" s="13" t="s">
        <v>1680</v>
      </c>
      <c r="D38" s="12"/>
      <c r="E38" s="12"/>
      <c r="F38" s="12"/>
    </row>
    <row r="39" spans="1:6" ht="24.95">
      <c r="A39" s="14" t="s">
        <v>1681</v>
      </c>
      <c r="B39" s="13" t="s">
        <v>1631</v>
      </c>
      <c r="C39" s="13" t="s">
        <v>1682</v>
      </c>
      <c r="D39" s="12"/>
      <c r="E39" s="12"/>
      <c r="F39" s="12"/>
    </row>
    <row r="40" spans="1:6" ht="37.5">
      <c r="A40" s="14" t="s">
        <v>1683</v>
      </c>
      <c r="B40" s="13" t="s">
        <v>1631</v>
      </c>
      <c r="C40" s="13" t="s">
        <v>1684</v>
      </c>
      <c r="D40" s="12"/>
      <c r="E40" s="12"/>
      <c r="F40" s="12"/>
    </row>
    <row r="41" spans="1:6" ht="37.5">
      <c r="A41" s="14" t="s">
        <v>1685</v>
      </c>
      <c r="B41" s="13" t="s">
        <v>1631</v>
      </c>
      <c r="C41" s="13" t="s">
        <v>1686</v>
      </c>
      <c r="D41" s="12"/>
      <c r="E41" s="12"/>
      <c r="F41" s="12"/>
    </row>
    <row r="42" spans="1:6" ht="24.95">
      <c r="A42" s="14" t="s">
        <v>1687</v>
      </c>
      <c r="B42" s="13" t="s">
        <v>1631</v>
      </c>
      <c r="C42" s="13" t="s">
        <v>1688</v>
      </c>
      <c r="D42" s="12"/>
      <c r="E42" s="12"/>
      <c r="F42" s="12"/>
    </row>
    <row r="43" spans="1:6" ht="37.5">
      <c r="A43" s="14" t="s">
        <v>1689</v>
      </c>
      <c r="B43" s="13" t="s">
        <v>1631</v>
      </c>
      <c r="C43" s="13" t="s">
        <v>1690</v>
      </c>
      <c r="D43" s="12"/>
      <c r="E43" s="12"/>
      <c r="F43" s="12"/>
    </row>
    <row r="44" spans="1:6">
      <c r="A44" s="13" t="s">
        <v>1691</v>
      </c>
      <c r="B44" s="13" t="s">
        <v>1631</v>
      </c>
      <c r="C44" s="13" t="s">
        <v>1692</v>
      </c>
      <c r="D44" s="12"/>
      <c r="E44" s="12"/>
      <c r="F44" s="12"/>
    </row>
    <row r="45" spans="1:6" ht="24.95">
      <c r="A45" s="14" t="s">
        <v>1693</v>
      </c>
      <c r="B45" s="13" t="s">
        <v>1631</v>
      </c>
      <c r="C45" s="13" t="s">
        <v>1694</v>
      </c>
      <c r="D45" s="12"/>
      <c r="E45" s="12"/>
      <c r="F45" s="12"/>
    </row>
    <row r="46" spans="1:6" ht="37.5">
      <c r="A46" s="14" t="s">
        <v>1695</v>
      </c>
      <c r="B46" s="13" t="s">
        <v>1631</v>
      </c>
      <c r="C46" s="13" t="s">
        <v>1696</v>
      </c>
      <c r="D46" s="12"/>
      <c r="E46" s="12"/>
      <c r="F46" s="12"/>
    </row>
    <row r="47" spans="1:6" ht="50.1">
      <c r="A47" s="14" t="s">
        <v>1697</v>
      </c>
      <c r="B47" s="13" t="s">
        <v>14</v>
      </c>
      <c r="C47" s="13" t="s">
        <v>1698</v>
      </c>
      <c r="D47" s="12">
        <v>2</v>
      </c>
      <c r="E47" s="12"/>
      <c r="F47" s="12"/>
    </row>
    <row r="48" spans="1:6" ht="37.5">
      <c r="A48" s="14" t="s">
        <v>1699</v>
      </c>
      <c r="B48" s="13" t="s">
        <v>14</v>
      </c>
      <c r="C48" s="13" t="s">
        <v>1700</v>
      </c>
      <c r="D48" s="12">
        <v>4</v>
      </c>
      <c r="E48" s="12"/>
      <c r="F48" s="12"/>
    </row>
    <row r="49" spans="1:6" ht="37.5">
      <c r="A49" s="14" t="s">
        <v>1701</v>
      </c>
      <c r="B49" s="13" t="s">
        <v>14</v>
      </c>
      <c r="C49" s="13" t="s">
        <v>1702</v>
      </c>
      <c r="D49" s="12">
        <v>3</v>
      </c>
      <c r="E49" s="12"/>
      <c r="F49" s="12"/>
    </row>
    <row r="50" spans="1:6" ht="37.5">
      <c r="A50" s="14" t="s">
        <v>1703</v>
      </c>
      <c r="B50" s="13" t="s">
        <v>14</v>
      </c>
      <c r="C50" s="13" t="s">
        <v>1704</v>
      </c>
      <c r="D50" s="12">
        <v>6</v>
      </c>
      <c r="E50" s="12"/>
      <c r="F50" s="12"/>
    </row>
    <row r="51" spans="1:6">
      <c r="A51" s="13" t="s">
        <v>1705</v>
      </c>
      <c r="B51" s="13" t="s">
        <v>1631</v>
      </c>
      <c r="C51" s="13" t="s">
        <v>1706</v>
      </c>
      <c r="D51" s="12"/>
      <c r="E51" s="12"/>
      <c r="F51" s="12"/>
    </row>
    <row r="52" spans="1:6" ht="24.95">
      <c r="A52" s="14" t="s">
        <v>1707</v>
      </c>
      <c r="B52" s="13" t="s">
        <v>14</v>
      </c>
      <c r="C52" s="13" t="s">
        <v>1708</v>
      </c>
      <c r="D52" s="12">
        <v>0</v>
      </c>
      <c r="E52" s="12"/>
      <c r="F52" s="12"/>
    </row>
    <row r="53" spans="1:6" ht="50.1">
      <c r="A53" s="14" t="s">
        <v>1709</v>
      </c>
      <c r="B53" s="13" t="s">
        <v>14</v>
      </c>
      <c r="C53" s="13" t="s">
        <v>1710</v>
      </c>
      <c r="D53" s="12">
        <v>2</v>
      </c>
      <c r="E53" s="12"/>
      <c r="F53" s="12"/>
    </row>
    <row r="54" spans="1:6" ht="50.1">
      <c r="A54" s="14" t="s">
        <v>1711</v>
      </c>
      <c r="B54" s="13" t="s">
        <v>14</v>
      </c>
      <c r="C54" s="13" t="s">
        <v>1712</v>
      </c>
      <c r="D54" s="12">
        <v>3</v>
      </c>
      <c r="E54" s="12"/>
      <c r="F54" s="12"/>
    </row>
    <row r="55" spans="1:6">
      <c r="A55" s="13" t="s">
        <v>1713</v>
      </c>
      <c r="B55" s="13" t="s">
        <v>1631</v>
      </c>
      <c r="C55" s="13" t="s">
        <v>1714</v>
      </c>
      <c r="D55" s="12"/>
      <c r="E55" s="12"/>
      <c r="F55" s="12"/>
    </row>
    <row r="56" spans="1:6">
      <c r="A56" s="13" t="s">
        <v>1715</v>
      </c>
      <c r="B56" s="13" t="s">
        <v>1631</v>
      </c>
      <c r="C56" s="13" t="s">
        <v>1716</v>
      </c>
      <c r="D56" s="12"/>
      <c r="E56" s="12"/>
      <c r="F56" s="12"/>
    </row>
    <row r="57" spans="1:6">
      <c r="A57" s="13" t="s">
        <v>1717</v>
      </c>
      <c r="B57" s="13" t="s">
        <v>1631</v>
      </c>
      <c r="C57" s="13" t="s">
        <v>1718</v>
      </c>
      <c r="D57" s="12"/>
      <c r="E57" s="12"/>
      <c r="F57" s="12"/>
    </row>
    <row r="58" spans="1:6">
      <c r="A58" s="13" t="s">
        <v>1719</v>
      </c>
      <c r="B58" s="13" t="s">
        <v>1631</v>
      </c>
      <c r="C58" s="13" t="s">
        <v>1720</v>
      </c>
      <c r="D58" s="12"/>
      <c r="E58" s="12"/>
      <c r="F58" s="12"/>
    </row>
    <row r="59" spans="1:6">
      <c r="A59" s="13" t="s">
        <v>1721</v>
      </c>
      <c r="B59" s="13" t="s">
        <v>1631</v>
      </c>
      <c r="C59" s="13" t="s">
        <v>1722</v>
      </c>
      <c r="D59" s="12"/>
      <c r="E59" s="12"/>
      <c r="F59" s="12"/>
    </row>
    <row r="60" spans="1:6" ht="75">
      <c r="A60" s="14" t="s">
        <v>1723</v>
      </c>
      <c r="B60" s="13" t="s">
        <v>1631</v>
      </c>
      <c r="C60" s="13" t="s">
        <v>1724</v>
      </c>
      <c r="D60" s="12"/>
      <c r="E60" s="12"/>
      <c r="F60" s="12"/>
    </row>
    <row r="61" spans="1:6">
      <c r="A61" s="13" t="s">
        <v>1725</v>
      </c>
      <c r="B61" s="13" t="s">
        <v>1631</v>
      </c>
      <c r="C61" s="13" t="s">
        <v>1726</v>
      </c>
      <c r="D61" s="12"/>
      <c r="E61" s="12"/>
      <c r="F61" s="12"/>
    </row>
  </sheetData>
  <mergeCells count="1">
    <mergeCell ref="A1:F1"/>
  </mergeCells>
  <pageMargins left="0.7" right="0.7" top="0.75" bottom="0.75" header="0.3" footer="0.3"/>
  <pageSetup orientation="portrait" horizontalDpi="300" verticalDpi="0" copies="0"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E5455F-287C-4EA6-94CD-57717855EE51}">
  <dimension ref="A1:F41"/>
  <sheetViews>
    <sheetView tabSelected="1" workbookViewId="0">
      <selection activeCell="A2" sqref="A2"/>
    </sheetView>
  </sheetViews>
  <sheetFormatPr defaultRowHeight="14.45"/>
  <cols>
    <col min="1" max="1" width="41.28515625" customWidth="1"/>
    <col min="2" max="2" width="12.28515625" customWidth="1"/>
    <col min="3" max="3" width="52.85546875" customWidth="1"/>
    <col min="4" max="4" width="56.7109375" customWidth="1"/>
    <col min="5" max="5" width="65.28515625" customWidth="1"/>
  </cols>
  <sheetData>
    <row r="1" spans="1:6" ht="18.600000000000001">
      <c r="A1" s="73" t="s">
        <v>1727</v>
      </c>
      <c r="B1" s="73"/>
      <c r="C1" s="73"/>
      <c r="D1" s="73"/>
      <c r="E1" s="73"/>
      <c r="F1" s="73"/>
    </row>
    <row r="2" spans="1:6">
      <c r="A2" s="6" t="s">
        <v>1</v>
      </c>
      <c r="B2" s="6" t="s">
        <v>1728</v>
      </c>
      <c r="C2" s="6" t="s">
        <v>3</v>
      </c>
      <c r="D2" s="6" t="s">
        <v>4</v>
      </c>
      <c r="E2" t="s">
        <v>1729</v>
      </c>
    </row>
    <row r="3" spans="1:6">
      <c r="A3" s="14" t="s">
        <v>1730</v>
      </c>
      <c r="B3" s="14"/>
      <c r="C3" s="14" t="s">
        <v>1731</v>
      </c>
      <c r="D3" s="14"/>
      <c r="E3" s="14"/>
    </row>
    <row r="4" spans="1:6" ht="24.95">
      <c r="A4" s="14" t="s">
        <v>1732</v>
      </c>
      <c r="B4" s="14"/>
      <c r="C4" s="14" t="s">
        <v>1733</v>
      </c>
      <c r="D4" s="14"/>
      <c r="E4" s="14"/>
    </row>
    <row r="5" spans="1:6" ht="37.5">
      <c r="A5" s="14" t="s">
        <v>1734</v>
      </c>
      <c r="B5" s="14"/>
      <c r="C5" s="14" t="s">
        <v>1735</v>
      </c>
      <c r="D5" s="14"/>
      <c r="E5" s="14"/>
    </row>
    <row r="6" spans="1:6" ht="62.45">
      <c r="A6" s="14" t="s">
        <v>1736</v>
      </c>
      <c r="B6" s="14"/>
      <c r="C6" s="14" t="s">
        <v>1737</v>
      </c>
      <c r="D6" s="14"/>
      <c r="E6" s="14"/>
    </row>
    <row r="7" spans="1:6" ht="62.45">
      <c r="A7" s="14" t="s">
        <v>1738</v>
      </c>
      <c r="B7" s="14"/>
      <c r="C7" s="14" t="s">
        <v>1739</v>
      </c>
      <c r="D7" s="14"/>
      <c r="E7" s="14"/>
    </row>
    <row r="8" spans="1:6">
      <c r="A8" s="14" t="s">
        <v>1740</v>
      </c>
      <c r="B8" s="14"/>
      <c r="C8" s="14" t="s">
        <v>1741</v>
      </c>
      <c r="D8" s="14"/>
      <c r="E8" s="14" t="s">
        <v>1742</v>
      </c>
    </row>
    <row r="9" spans="1:6">
      <c r="A9" s="14" t="s">
        <v>1743</v>
      </c>
      <c r="B9" s="14"/>
      <c r="C9" s="14" t="s">
        <v>1744</v>
      </c>
      <c r="D9" s="14"/>
      <c r="E9" s="14"/>
    </row>
    <row r="10" spans="1:6">
      <c r="A10" s="14" t="s">
        <v>1745</v>
      </c>
      <c r="B10" s="14"/>
      <c r="C10" s="14" t="s">
        <v>1746</v>
      </c>
      <c r="D10" s="14"/>
      <c r="E10" s="14"/>
    </row>
    <row r="11" spans="1:6">
      <c r="A11" s="14" t="s">
        <v>1747</v>
      </c>
      <c r="B11" s="14"/>
      <c r="C11" s="14" t="s">
        <v>1748</v>
      </c>
      <c r="D11" s="14"/>
      <c r="E11" s="14"/>
    </row>
    <row r="12" spans="1:6">
      <c r="A12" s="14" t="s">
        <v>1749</v>
      </c>
      <c r="B12" s="14"/>
      <c r="C12" s="14" t="s">
        <v>1750</v>
      </c>
      <c r="D12" s="14"/>
      <c r="E12" s="14"/>
    </row>
    <row r="13" spans="1:6" ht="96.75" customHeight="1">
      <c r="A13" s="14" t="s">
        <v>1751</v>
      </c>
      <c r="B13" s="14"/>
      <c r="C13" s="14" t="s">
        <v>1752</v>
      </c>
      <c r="D13" s="14"/>
      <c r="E13" s="14"/>
    </row>
    <row r="14" spans="1:6">
      <c r="A14" s="14" t="s">
        <v>1753</v>
      </c>
      <c r="B14" s="14"/>
      <c r="C14" s="14" t="s">
        <v>1754</v>
      </c>
      <c r="D14" s="14"/>
      <c r="E14" s="14"/>
    </row>
    <row r="15" spans="1:6">
      <c r="A15" s="14" t="s">
        <v>1755</v>
      </c>
      <c r="B15" s="14"/>
      <c r="C15" s="14" t="s">
        <v>1756</v>
      </c>
      <c r="D15" s="14"/>
      <c r="E15" s="14"/>
    </row>
    <row r="16" spans="1:6">
      <c r="A16" s="14" t="s">
        <v>1757</v>
      </c>
      <c r="B16" s="14"/>
      <c r="C16" s="14" t="s">
        <v>1758</v>
      </c>
      <c r="D16" s="14"/>
      <c r="E16" s="14"/>
    </row>
    <row r="17" spans="1:5">
      <c r="A17" s="14" t="s">
        <v>1759</v>
      </c>
      <c r="B17" s="14"/>
      <c r="C17" s="14" t="s">
        <v>1760</v>
      </c>
      <c r="D17" s="14"/>
      <c r="E17" s="14"/>
    </row>
    <row r="18" spans="1:5">
      <c r="A18" s="14" t="s">
        <v>1761</v>
      </c>
      <c r="B18" s="14"/>
      <c r="C18" s="14" t="s">
        <v>1762</v>
      </c>
      <c r="D18" s="14"/>
      <c r="E18" s="14"/>
    </row>
    <row r="19" spans="1:5">
      <c r="A19" s="14" t="s">
        <v>1763</v>
      </c>
      <c r="B19" s="14"/>
      <c r="C19" s="14" t="s">
        <v>1764</v>
      </c>
      <c r="D19" s="14"/>
      <c r="E19" s="14"/>
    </row>
    <row r="20" spans="1:5" ht="24.95">
      <c r="A20" s="14" t="s">
        <v>1765</v>
      </c>
      <c r="B20" s="14"/>
      <c r="C20" s="14" t="s">
        <v>1766</v>
      </c>
      <c r="D20" s="14"/>
      <c r="E20" s="14"/>
    </row>
    <row r="21" spans="1:5" ht="24.95">
      <c r="A21" s="14"/>
      <c r="B21" s="14" t="s">
        <v>14</v>
      </c>
      <c r="C21" s="14" t="s">
        <v>1767</v>
      </c>
      <c r="D21" s="14">
        <v>1</v>
      </c>
      <c r="E21" s="14"/>
    </row>
    <row r="22" spans="1:5" ht="24.95">
      <c r="A22" s="14"/>
      <c r="B22" s="14" t="s">
        <v>14</v>
      </c>
      <c r="C22" s="14" t="s">
        <v>1768</v>
      </c>
      <c r="D22" s="14">
        <v>2</v>
      </c>
      <c r="E22" s="14"/>
    </row>
    <row r="23" spans="1:5" ht="24.95">
      <c r="A23" s="14"/>
      <c r="B23" s="14" t="s">
        <v>14</v>
      </c>
      <c r="C23" s="14" t="s">
        <v>1769</v>
      </c>
      <c r="D23" s="14">
        <v>3</v>
      </c>
      <c r="E23" s="14"/>
    </row>
    <row r="24" spans="1:5" ht="24.95">
      <c r="A24" s="14"/>
      <c r="B24" s="14" t="s">
        <v>14</v>
      </c>
      <c r="C24" s="14" t="s">
        <v>1770</v>
      </c>
      <c r="D24" s="14">
        <v>4</v>
      </c>
      <c r="E24" s="14"/>
    </row>
    <row r="25" spans="1:5" ht="75">
      <c r="A25" s="14" t="s">
        <v>1771</v>
      </c>
      <c r="B25" s="14"/>
      <c r="C25" s="14" t="s">
        <v>1772</v>
      </c>
      <c r="D25" s="14"/>
      <c r="E25" s="14"/>
    </row>
    <row r="26" spans="1:5" ht="75">
      <c r="A26" s="14" t="s">
        <v>1773</v>
      </c>
      <c r="B26" s="14"/>
      <c r="C26" s="14" t="s">
        <v>1774</v>
      </c>
      <c r="D26" s="14" t="s">
        <v>1775</v>
      </c>
      <c r="E26" s="14"/>
    </row>
    <row r="27" spans="1:5" ht="24.95">
      <c r="A27" s="14" t="s">
        <v>1776</v>
      </c>
      <c r="B27" s="14"/>
      <c r="C27" s="14" t="s">
        <v>1777</v>
      </c>
      <c r="D27" s="14"/>
      <c r="E27" s="14"/>
    </row>
    <row r="28" spans="1:5" ht="50.1">
      <c r="A28" s="14" t="s">
        <v>1778</v>
      </c>
      <c r="B28" s="14"/>
      <c r="C28" s="14" t="s">
        <v>1779</v>
      </c>
      <c r="D28" s="14"/>
      <c r="E28" s="14"/>
    </row>
    <row r="29" spans="1:5">
      <c r="A29" s="14" t="s">
        <v>1780</v>
      </c>
      <c r="B29" s="14"/>
      <c r="C29" s="14" t="s">
        <v>1781</v>
      </c>
      <c r="D29" s="14"/>
      <c r="E29" s="14"/>
    </row>
    <row r="30" spans="1:5" ht="37.5">
      <c r="A30" s="14" t="s">
        <v>1782</v>
      </c>
      <c r="B30" s="14"/>
      <c r="C30" s="14" t="s">
        <v>1783</v>
      </c>
      <c r="D30" s="14"/>
      <c r="E30" s="14"/>
    </row>
    <row r="31" spans="1:5" ht="24.95">
      <c r="A31" s="14" t="s">
        <v>1784</v>
      </c>
      <c r="B31" s="14"/>
      <c r="C31" s="14" t="s">
        <v>1785</v>
      </c>
      <c r="D31" s="14"/>
      <c r="E31" s="14"/>
    </row>
    <row r="32" spans="1:5" ht="37.5">
      <c r="A32" s="14" t="s">
        <v>1786</v>
      </c>
      <c r="B32" s="14"/>
      <c r="C32" s="14" t="s">
        <v>1787</v>
      </c>
      <c r="D32" s="14"/>
      <c r="E32" s="14"/>
    </row>
    <row r="33" spans="1:5" ht="24.95">
      <c r="A33" s="14" t="s">
        <v>1788</v>
      </c>
      <c r="B33" s="14"/>
      <c r="C33" s="14" t="s">
        <v>1789</v>
      </c>
      <c r="D33" s="14"/>
      <c r="E33" s="14"/>
    </row>
    <row r="34" spans="1:5" ht="24.95">
      <c r="A34" s="14" t="s">
        <v>1790</v>
      </c>
      <c r="B34" s="14"/>
      <c r="C34" s="14" t="s">
        <v>1791</v>
      </c>
      <c r="D34" s="14"/>
      <c r="E34" s="14"/>
    </row>
    <row r="35" spans="1:5">
      <c r="A35" s="14" t="s">
        <v>1792</v>
      </c>
      <c r="B35" s="14"/>
      <c r="C35" s="14" t="s">
        <v>1793</v>
      </c>
      <c r="D35" s="14"/>
      <c r="E35" s="14"/>
    </row>
    <row r="36" spans="1:5">
      <c r="A36" s="14" t="s">
        <v>1794</v>
      </c>
      <c r="B36" s="14"/>
      <c r="C36" s="14" t="s">
        <v>1795</v>
      </c>
      <c r="D36" s="14"/>
      <c r="E36" s="14"/>
    </row>
    <row r="37" spans="1:5">
      <c r="A37" s="14"/>
      <c r="B37" s="14" t="s">
        <v>14</v>
      </c>
      <c r="C37" s="14" t="s">
        <v>283</v>
      </c>
      <c r="D37" s="14" t="s">
        <v>153</v>
      </c>
      <c r="E37" s="14"/>
    </row>
    <row r="38" spans="1:5">
      <c r="A38" s="14"/>
      <c r="B38" s="14" t="s">
        <v>14</v>
      </c>
      <c r="C38" s="14" t="s">
        <v>284</v>
      </c>
      <c r="D38" s="14" t="s">
        <v>155</v>
      </c>
      <c r="E38" s="14"/>
    </row>
    <row r="39" spans="1:5">
      <c r="A39" s="14"/>
      <c r="B39" s="14" t="s">
        <v>14</v>
      </c>
      <c r="C39" s="14" t="s">
        <v>1796</v>
      </c>
      <c r="D39" s="14" t="s">
        <v>307</v>
      </c>
      <c r="E39" s="14"/>
    </row>
    <row r="40" spans="1:5" ht="50.1">
      <c r="A40" s="14" t="s">
        <v>1797</v>
      </c>
      <c r="B40" s="14"/>
      <c r="C40" s="14" t="s">
        <v>1798</v>
      </c>
      <c r="D40" s="14"/>
      <c r="E40" s="14"/>
    </row>
    <row r="41" spans="1:5" ht="125.1">
      <c r="A41" s="14" t="s">
        <v>1799</v>
      </c>
      <c r="B41" s="14"/>
      <c r="C41" s="14" t="s">
        <v>1739</v>
      </c>
      <c r="D41" s="14" t="s">
        <v>178</v>
      </c>
      <c r="E41" s="14" t="s">
        <v>1800</v>
      </c>
    </row>
  </sheetData>
  <mergeCells count="1">
    <mergeCell ref="A1:F1"/>
  </mergeCells>
  <pageMargins left="0.7" right="0.7" top="0.75" bottom="0.75" header="0.3" footer="0.3"/>
  <pageSetup orientation="portrait" horizontalDpi="200" verticalDpi="200"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292B8D-8EBB-4D4B-8578-98C5A0B73494}">
  <dimension ref="A1:F18"/>
  <sheetViews>
    <sheetView workbookViewId="0">
      <selection activeCell="A12" sqref="A12"/>
    </sheetView>
  </sheetViews>
  <sheetFormatPr defaultRowHeight="14.45"/>
  <cols>
    <col min="1" max="1" width="36.85546875" customWidth="1"/>
    <col min="2" max="2" width="18" customWidth="1"/>
    <col min="3" max="3" width="49.28515625" customWidth="1"/>
    <col min="4" max="4" width="15.28515625" customWidth="1"/>
  </cols>
  <sheetData>
    <row r="1" spans="1:6" ht="18.600000000000001">
      <c r="A1" s="130" t="s">
        <v>1801</v>
      </c>
      <c r="B1" s="130"/>
      <c r="C1" s="130"/>
      <c r="D1" s="130"/>
      <c r="E1" s="130"/>
      <c r="F1" s="130"/>
    </row>
    <row r="2" spans="1:6">
      <c r="A2" s="6" t="s">
        <v>1</v>
      </c>
      <c r="B2" s="6" t="s">
        <v>2</v>
      </c>
      <c r="C2" s="6" t="s">
        <v>3</v>
      </c>
      <c r="D2" s="6" t="s">
        <v>4</v>
      </c>
      <c r="E2" s="12"/>
      <c r="F2" s="12"/>
    </row>
    <row r="3" spans="1:6" ht="26.1">
      <c r="A3" s="1" t="s">
        <v>1802</v>
      </c>
      <c r="B3" t="s">
        <v>7</v>
      </c>
      <c r="C3" s="2" t="s">
        <v>1803</v>
      </c>
    </row>
    <row r="4" spans="1:6">
      <c r="C4" s="1" t="s">
        <v>426</v>
      </c>
      <c r="D4" t="s">
        <v>1415</v>
      </c>
    </row>
    <row r="5" spans="1:6">
      <c r="C5" s="1" t="s">
        <v>283</v>
      </c>
      <c r="D5" t="s">
        <v>153</v>
      </c>
    </row>
    <row r="6" spans="1:6">
      <c r="C6" s="1" t="s">
        <v>1804</v>
      </c>
      <c r="D6" t="s">
        <v>1805</v>
      </c>
    </row>
    <row r="7" spans="1:6">
      <c r="C7" s="1" t="s">
        <v>1806</v>
      </c>
      <c r="D7" t="s">
        <v>1807</v>
      </c>
    </row>
    <row r="8" spans="1:6">
      <c r="C8" s="1" t="s">
        <v>1808</v>
      </c>
      <c r="D8" t="s">
        <v>1809</v>
      </c>
    </row>
    <row r="9" spans="1:6" ht="26.1">
      <c r="A9" s="2" t="s">
        <v>1810</v>
      </c>
      <c r="B9" t="s">
        <v>159</v>
      </c>
      <c r="C9" s="1" t="s">
        <v>1811</v>
      </c>
    </row>
    <row r="10" spans="1:6" ht="26.1">
      <c r="A10" s="2" t="s">
        <v>1812</v>
      </c>
      <c r="B10" t="s">
        <v>159</v>
      </c>
      <c r="C10" s="1" t="s">
        <v>1813</v>
      </c>
    </row>
    <row r="11" spans="1:6" ht="51">
      <c r="A11" s="2" t="s">
        <v>1814</v>
      </c>
      <c r="B11" t="s">
        <v>159</v>
      </c>
      <c r="C11" s="2" t="s">
        <v>1815</v>
      </c>
    </row>
    <row r="12" spans="1:6" ht="26.1">
      <c r="A12" s="2" t="s">
        <v>1816</v>
      </c>
      <c r="B12" t="s">
        <v>159</v>
      </c>
      <c r="C12" s="1" t="s">
        <v>1817</v>
      </c>
    </row>
    <row r="13" spans="1:6">
      <c r="A13" s="1" t="s">
        <v>1818</v>
      </c>
      <c r="B13" t="s">
        <v>159</v>
      </c>
      <c r="C13" s="1" t="s">
        <v>1819</v>
      </c>
    </row>
    <row r="14" spans="1:6" ht="26.1">
      <c r="A14" s="2" t="s">
        <v>1820</v>
      </c>
      <c r="B14" t="s">
        <v>159</v>
      </c>
      <c r="C14" s="1" t="s">
        <v>1821</v>
      </c>
    </row>
    <row r="15" spans="1:6" ht="63.6">
      <c r="A15" s="2" t="s">
        <v>1822</v>
      </c>
      <c r="B15" t="s">
        <v>7</v>
      </c>
      <c r="C15" s="1" t="s">
        <v>1823</v>
      </c>
    </row>
    <row r="16" spans="1:6">
      <c r="C16" s="1" t="s">
        <v>294</v>
      </c>
      <c r="D16" t="s">
        <v>294</v>
      </c>
    </row>
    <row r="17" spans="1:4">
      <c r="C17" s="1" t="s">
        <v>1824</v>
      </c>
      <c r="D17" t="s">
        <v>1415</v>
      </c>
    </row>
    <row r="18" spans="1:4" ht="26.1">
      <c r="A18" s="2" t="s">
        <v>520</v>
      </c>
      <c r="B18" t="s">
        <v>176</v>
      </c>
      <c r="C18" s="1" t="s">
        <v>1825</v>
      </c>
    </row>
  </sheetData>
  <mergeCells count="1">
    <mergeCell ref="A1:F1"/>
  </mergeCells>
  <pageMargins left="0.7" right="0.7" top="0.75" bottom="0.75" header="0.3" footer="0.3"/>
  <pageSetup orientation="portrait" horizontalDpi="200" verticalDpi="200" r:id="rId1"/>
  <drawing r:id="rId2"/>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147E4F-87DF-4D3D-9ACB-8947EB38D5CE}">
  <dimension ref="A1:F15"/>
  <sheetViews>
    <sheetView workbookViewId="0">
      <selection activeCell="C15" sqref="C15"/>
    </sheetView>
  </sheetViews>
  <sheetFormatPr defaultRowHeight="14.45"/>
  <cols>
    <col min="1" max="1" width="29.42578125" customWidth="1"/>
    <col min="2" max="2" width="15.7109375" customWidth="1"/>
    <col min="3" max="3" width="36.85546875" customWidth="1"/>
    <col min="4" max="4" width="12.85546875" customWidth="1"/>
  </cols>
  <sheetData>
    <row r="1" spans="1:6" ht="18.600000000000001">
      <c r="A1" s="73" t="s">
        <v>1826</v>
      </c>
      <c r="B1" s="73"/>
      <c r="C1" s="73"/>
      <c r="D1" s="73"/>
      <c r="E1" s="73"/>
      <c r="F1" s="73"/>
    </row>
    <row r="2" spans="1:6">
      <c r="A2" s="6" t="s">
        <v>1</v>
      </c>
      <c r="B2" s="6" t="s">
        <v>2</v>
      </c>
      <c r="C2" s="6" t="s">
        <v>3</v>
      </c>
      <c r="D2" s="6" t="s">
        <v>4</v>
      </c>
    </row>
    <row r="3" spans="1:6" ht="37.5">
      <c r="A3" s="4" t="s">
        <v>1827</v>
      </c>
      <c r="B3" s="3" t="s">
        <v>7</v>
      </c>
      <c r="C3" s="3" t="s">
        <v>1828</v>
      </c>
    </row>
    <row r="4" spans="1:6">
      <c r="B4" s="3" t="s">
        <v>14</v>
      </c>
      <c r="C4" s="3" t="s">
        <v>15</v>
      </c>
      <c r="D4" s="3" t="s">
        <v>15</v>
      </c>
    </row>
    <row r="5" spans="1:6">
      <c r="B5" s="3" t="s">
        <v>14</v>
      </c>
      <c r="C5" s="3" t="s">
        <v>931</v>
      </c>
      <c r="D5" s="3" t="s">
        <v>931</v>
      </c>
    </row>
    <row r="6" spans="1:6">
      <c r="A6" s="3" t="s">
        <v>148</v>
      </c>
      <c r="B6" s="3" t="s">
        <v>7</v>
      </c>
      <c r="C6" s="3" t="s">
        <v>1829</v>
      </c>
    </row>
    <row r="7" spans="1:6">
      <c r="B7" s="3" t="s">
        <v>14</v>
      </c>
      <c r="C7" s="3" t="s">
        <v>152</v>
      </c>
      <c r="D7" t="s">
        <v>153</v>
      </c>
    </row>
    <row r="8" spans="1:6">
      <c r="B8" s="3" t="s">
        <v>14</v>
      </c>
      <c r="C8" s="3" t="s">
        <v>154</v>
      </c>
      <c r="D8" t="s">
        <v>155</v>
      </c>
    </row>
    <row r="9" spans="1:6" ht="24.95">
      <c r="B9" s="3" t="s">
        <v>14</v>
      </c>
      <c r="C9" s="4" t="s">
        <v>624</v>
      </c>
      <c r="D9" t="s">
        <v>157</v>
      </c>
    </row>
    <row r="10" spans="1:6" ht="24.95">
      <c r="A10" s="4" t="s">
        <v>1830</v>
      </c>
      <c r="B10" s="3" t="s">
        <v>159</v>
      </c>
      <c r="C10" s="3" t="s">
        <v>1831</v>
      </c>
    </row>
    <row r="11" spans="1:6" ht="24.95">
      <c r="A11" s="4" t="s">
        <v>1832</v>
      </c>
      <c r="B11" s="3" t="s">
        <v>159</v>
      </c>
      <c r="C11" s="3" t="s">
        <v>1833</v>
      </c>
    </row>
    <row r="12" spans="1:6" ht="37.5">
      <c r="A12" s="4" t="s">
        <v>1834</v>
      </c>
      <c r="B12" s="3" t="s">
        <v>159</v>
      </c>
      <c r="C12" s="3" t="s">
        <v>1835</v>
      </c>
    </row>
    <row r="13" spans="1:6" ht="24.95">
      <c r="A13" s="3" t="s">
        <v>1836</v>
      </c>
      <c r="B13" s="3" t="s">
        <v>159</v>
      </c>
      <c r="C13" s="4" t="s">
        <v>1837</v>
      </c>
    </row>
    <row r="14" spans="1:6" ht="37.5">
      <c r="A14" s="4" t="s">
        <v>1838</v>
      </c>
      <c r="B14" s="3" t="s">
        <v>159</v>
      </c>
      <c r="C14" s="4" t="s">
        <v>1839</v>
      </c>
    </row>
    <row r="15" spans="1:6" ht="37.5">
      <c r="A15" s="4" t="s">
        <v>520</v>
      </c>
      <c r="B15" s="3" t="s">
        <v>159</v>
      </c>
      <c r="C15" s="3" t="s">
        <v>1840</v>
      </c>
    </row>
  </sheetData>
  <mergeCells count="1">
    <mergeCell ref="A1:F1"/>
  </mergeCells>
  <pageMargins left="0.7" right="0.7" top="0.75" bottom="0.75" header="0.3" footer="0.3"/>
  <pageSetup orientation="portrait" horizontalDpi="200" verticalDpi="2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B355A88-F3F0-4872-B96A-B7C61AB6D5CE}">
  <dimension ref="A1:F16"/>
  <sheetViews>
    <sheetView workbookViewId="0">
      <selection activeCell="B16" sqref="B16"/>
    </sheetView>
  </sheetViews>
  <sheetFormatPr defaultRowHeight="14.45"/>
  <cols>
    <col min="1" max="1" width="31" customWidth="1"/>
    <col min="2" max="2" width="19" customWidth="1"/>
    <col min="3" max="3" width="40.28515625" customWidth="1"/>
    <col min="4" max="4" width="13.42578125" customWidth="1"/>
  </cols>
  <sheetData>
    <row r="1" spans="1:6" ht="18.600000000000001">
      <c r="A1" s="73" t="s">
        <v>336</v>
      </c>
      <c r="B1" s="73"/>
      <c r="C1" s="73"/>
      <c r="D1" s="73"/>
      <c r="E1" s="73"/>
      <c r="F1" s="73"/>
    </row>
    <row r="2" spans="1:6">
      <c r="A2" s="6" t="s">
        <v>1</v>
      </c>
      <c r="B2" s="6" t="s">
        <v>2</v>
      </c>
      <c r="C2" s="6" t="s">
        <v>3</v>
      </c>
      <c r="D2" s="6" t="s">
        <v>4</v>
      </c>
    </row>
    <row r="3" spans="1:6">
      <c r="A3" t="s">
        <v>337</v>
      </c>
      <c r="B3" t="s">
        <v>176</v>
      </c>
      <c r="C3" t="s">
        <v>338</v>
      </c>
    </row>
    <row r="4" spans="1:6" ht="29.1">
      <c r="A4" s="7" t="s">
        <v>339</v>
      </c>
      <c r="B4" t="s">
        <v>176</v>
      </c>
      <c r="C4" t="s">
        <v>340</v>
      </c>
    </row>
    <row r="5" spans="1:6" ht="29.1">
      <c r="A5" s="7" t="s">
        <v>341</v>
      </c>
      <c r="B5" t="s">
        <v>176</v>
      </c>
      <c r="C5" t="s">
        <v>342</v>
      </c>
    </row>
    <row r="6" spans="1:6" ht="29.1">
      <c r="A6" s="7" t="s">
        <v>343</v>
      </c>
      <c r="B6" t="s">
        <v>159</v>
      </c>
      <c r="C6" t="s">
        <v>344</v>
      </c>
    </row>
    <row r="7" spans="1:6">
      <c r="A7" t="s">
        <v>345</v>
      </c>
      <c r="B7" t="s">
        <v>159</v>
      </c>
      <c r="C7" t="s">
        <v>346</v>
      </c>
    </row>
    <row r="8" spans="1:6" ht="29.1">
      <c r="A8" s="7" t="s">
        <v>347</v>
      </c>
      <c r="B8" t="s">
        <v>159</v>
      </c>
      <c r="C8" t="s">
        <v>348</v>
      </c>
    </row>
    <row r="9" spans="1:6" ht="29.1">
      <c r="A9" s="7" t="s">
        <v>349</v>
      </c>
      <c r="B9" t="s">
        <v>172</v>
      </c>
      <c r="C9" t="s">
        <v>350</v>
      </c>
    </row>
    <row r="10" spans="1:6">
      <c r="B10" t="s">
        <v>172</v>
      </c>
      <c r="C10" t="s">
        <v>351</v>
      </c>
      <c r="D10" t="s">
        <v>180</v>
      </c>
    </row>
    <row r="11" spans="1:6">
      <c r="C11" t="s">
        <v>352</v>
      </c>
      <c r="D11" t="s">
        <v>178</v>
      </c>
    </row>
    <row r="12" spans="1:6">
      <c r="A12" t="s">
        <v>353</v>
      </c>
      <c r="B12" t="s">
        <v>354</v>
      </c>
      <c r="C12" t="s">
        <v>355</v>
      </c>
    </row>
    <row r="13" spans="1:6">
      <c r="B13" t="s">
        <v>14</v>
      </c>
      <c r="C13" t="s">
        <v>356</v>
      </c>
      <c r="D13" s="17">
        <v>0</v>
      </c>
    </row>
    <row r="14" spans="1:6">
      <c r="B14" t="s">
        <v>14</v>
      </c>
      <c r="C14" t="s">
        <v>283</v>
      </c>
      <c r="D14" t="s">
        <v>153</v>
      </c>
    </row>
    <row r="15" spans="1:6">
      <c r="B15" t="s">
        <v>14</v>
      </c>
      <c r="C15" t="s">
        <v>357</v>
      </c>
      <c r="D15" t="s">
        <v>155</v>
      </c>
    </row>
    <row r="16" spans="1:6">
      <c r="B16" t="s">
        <v>14</v>
      </c>
      <c r="C16" t="s">
        <v>358</v>
      </c>
      <c r="D16" t="s">
        <v>307</v>
      </c>
    </row>
  </sheetData>
  <mergeCells count="1">
    <mergeCell ref="A1:F1"/>
  </mergeCells>
  <pageMargins left="0.7" right="0.7" top="0.75" bottom="0.75" header="0.3" footer="0.3"/>
  <pageSetup orientation="portrait" horizontalDpi="200" verticalDpi="2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058AA3-28FB-46C3-B1EC-050E4B8BDD76}">
  <dimension ref="A1:F15"/>
  <sheetViews>
    <sheetView workbookViewId="0">
      <selection sqref="A1:XFD2"/>
    </sheetView>
  </sheetViews>
  <sheetFormatPr defaultRowHeight="14.45"/>
  <cols>
    <col min="1" max="1" width="37.140625" customWidth="1"/>
    <col min="2" max="2" width="19.42578125" customWidth="1"/>
    <col min="3" max="3" width="40.7109375" customWidth="1"/>
    <col min="4" max="4" width="20.7109375" customWidth="1"/>
  </cols>
  <sheetData>
    <row r="1" spans="1:6" ht="18.600000000000001">
      <c r="A1" s="73" t="s">
        <v>359</v>
      </c>
      <c r="B1" s="73"/>
      <c r="C1" s="73"/>
      <c r="D1" s="73"/>
      <c r="E1" s="73"/>
      <c r="F1" s="73"/>
    </row>
    <row r="2" spans="1:6">
      <c r="A2" s="6" t="s">
        <v>1</v>
      </c>
      <c r="B2" s="6" t="s">
        <v>2</v>
      </c>
      <c r="C2" s="6" t="s">
        <v>3</v>
      </c>
      <c r="D2" s="6" t="s">
        <v>4</v>
      </c>
    </row>
    <row r="3" spans="1:6" ht="24.95">
      <c r="A3" s="4" t="s">
        <v>360</v>
      </c>
      <c r="B3" s="3" t="s">
        <v>176</v>
      </c>
      <c r="C3" s="3" t="s">
        <v>361</v>
      </c>
    </row>
    <row r="4" spans="1:6">
      <c r="A4" s="8">
        <v>8.0000000000000002E-3</v>
      </c>
      <c r="B4" s="3" t="s">
        <v>176</v>
      </c>
      <c r="C4" s="3" t="s">
        <v>362</v>
      </c>
    </row>
    <row r="5" spans="1:6">
      <c r="A5" s="8">
        <v>1.2999999999999999E-2</v>
      </c>
      <c r="B5" s="3" t="s">
        <v>176</v>
      </c>
      <c r="C5" s="3" t="s">
        <v>363</v>
      </c>
    </row>
    <row r="6" spans="1:6">
      <c r="A6" s="8">
        <v>1.7999999999999999E-2</v>
      </c>
      <c r="B6" s="3" t="s">
        <v>176</v>
      </c>
      <c r="C6" s="3" t="s">
        <v>364</v>
      </c>
    </row>
    <row r="7" spans="1:6">
      <c r="A7" s="8">
        <v>2.7E-2</v>
      </c>
      <c r="B7" s="3" t="s">
        <v>176</v>
      </c>
      <c r="C7" s="3" t="s">
        <v>365</v>
      </c>
    </row>
    <row r="8" spans="1:6">
      <c r="A8" s="8">
        <v>3.5999999999999997E-2</v>
      </c>
      <c r="B8" s="3" t="s">
        <v>176</v>
      </c>
      <c r="C8" s="3" t="s">
        <v>366</v>
      </c>
    </row>
    <row r="9" spans="1:6">
      <c r="A9" s="8">
        <v>4.2000000000000003E-2</v>
      </c>
      <c r="B9" s="3" t="s">
        <v>176</v>
      </c>
      <c r="C9" s="3" t="s">
        <v>367</v>
      </c>
    </row>
    <row r="10" spans="1:6">
      <c r="A10" s="8">
        <v>5.0999999999999997E-2</v>
      </c>
      <c r="B10" s="3" t="s">
        <v>176</v>
      </c>
      <c r="C10" s="3" t="s">
        <v>368</v>
      </c>
    </row>
    <row r="11" spans="1:6" ht="50.1">
      <c r="A11" s="9" t="s">
        <v>369</v>
      </c>
      <c r="B11" s="3" t="s">
        <v>176</v>
      </c>
      <c r="C11" s="3" t="s">
        <v>370</v>
      </c>
    </row>
    <row r="12" spans="1:6" ht="37.5">
      <c r="A12" s="4" t="s">
        <v>371</v>
      </c>
      <c r="B12" s="3" t="s">
        <v>176</v>
      </c>
      <c r="C12" s="3" t="s">
        <v>372</v>
      </c>
    </row>
    <row r="13" spans="1:6" ht="24.95">
      <c r="A13" s="4" t="s">
        <v>373</v>
      </c>
      <c r="B13" s="3" t="s">
        <v>176</v>
      </c>
      <c r="C13" s="3" t="s">
        <v>374</v>
      </c>
    </row>
    <row r="14" spans="1:6" ht="24.95">
      <c r="A14" s="4" t="s">
        <v>375</v>
      </c>
      <c r="B14" s="3" t="s">
        <v>176</v>
      </c>
      <c r="C14" s="3" t="s">
        <v>376</v>
      </c>
    </row>
    <row r="15" spans="1:6" ht="24.95">
      <c r="A15" s="4" t="s">
        <v>373</v>
      </c>
      <c r="B15" s="3" t="s">
        <v>176</v>
      </c>
      <c r="C15" s="3" t="s">
        <v>377</v>
      </c>
    </row>
  </sheetData>
  <mergeCells count="1">
    <mergeCell ref="A1:F1"/>
  </mergeCells>
  <pageMargins left="0.7" right="0.7" top="0.75" bottom="0.75" header="0.3" footer="0.3"/>
  <pageSetup orientation="portrait" horizontalDpi="300" verticalDpi="0" copies="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A454216-E52C-472C-8710-9B9753AD8804}">
  <dimension ref="A1:F26"/>
  <sheetViews>
    <sheetView workbookViewId="0">
      <selection sqref="A1:F1"/>
    </sheetView>
  </sheetViews>
  <sheetFormatPr defaultRowHeight="14.45"/>
  <cols>
    <col min="1" max="1" width="36.42578125" customWidth="1"/>
    <col min="2" max="2" width="24" customWidth="1"/>
    <col min="3" max="3" width="46.5703125" customWidth="1"/>
    <col min="4" max="4" width="25.28515625" customWidth="1"/>
    <col min="5" max="5" width="49" customWidth="1"/>
  </cols>
  <sheetData>
    <row r="1" spans="1:6" ht="18.600000000000001">
      <c r="A1" s="73" t="s">
        <v>378</v>
      </c>
      <c r="B1" s="73"/>
      <c r="C1" s="73"/>
      <c r="D1" s="73"/>
      <c r="E1" s="73"/>
      <c r="F1" s="73"/>
    </row>
    <row r="2" spans="1:6">
      <c r="A2" s="6" t="s">
        <v>1</v>
      </c>
      <c r="B2" s="6" t="s">
        <v>2</v>
      </c>
      <c r="C2" s="6" t="s">
        <v>3</v>
      </c>
      <c r="D2" s="6" t="s">
        <v>4</v>
      </c>
      <c r="E2" s="6" t="s">
        <v>379</v>
      </c>
    </row>
    <row r="3" spans="1:6">
      <c r="A3" s="3" t="s">
        <v>380</v>
      </c>
      <c r="B3" s="3" t="s">
        <v>354</v>
      </c>
      <c r="C3" s="3" t="s">
        <v>381</v>
      </c>
      <c r="E3" s="3" t="s">
        <v>382</v>
      </c>
    </row>
    <row r="4" spans="1:6">
      <c r="D4" s="3" t="s">
        <v>383</v>
      </c>
    </row>
    <row r="5" spans="1:6">
      <c r="C5" s="3" t="s">
        <v>384</v>
      </c>
      <c r="D5" s="3" t="s">
        <v>385</v>
      </c>
    </row>
    <row r="6" spans="1:6">
      <c r="C6" s="3" t="s">
        <v>386</v>
      </c>
      <c r="D6" s="3" t="s">
        <v>387</v>
      </c>
    </row>
    <row r="7" spans="1:6">
      <c r="C7" s="3" t="s">
        <v>388</v>
      </c>
      <c r="D7" s="3" t="s">
        <v>389</v>
      </c>
    </row>
    <row r="8" spans="1:6" ht="37.5">
      <c r="A8" s="4" t="s">
        <v>390</v>
      </c>
      <c r="B8" s="3" t="s">
        <v>176</v>
      </c>
      <c r="C8" s="4" t="s">
        <v>391</v>
      </c>
    </row>
    <row r="9" spans="1:6" ht="24.95">
      <c r="A9" s="4" t="s">
        <v>392</v>
      </c>
      <c r="B9" t="s">
        <v>159</v>
      </c>
      <c r="C9" s="4" t="s">
        <v>393</v>
      </c>
    </row>
    <row r="10" spans="1:6">
      <c r="A10" s="4" t="s">
        <v>394</v>
      </c>
      <c r="B10" t="s">
        <v>159</v>
      </c>
      <c r="C10" s="4" t="s">
        <v>395</v>
      </c>
    </row>
    <row r="11" spans="1:6" ht="37.5">
      <c r="A11" s="4" t="s">
        <v>396</v>
      </c>
      <c r="B11" t="s">
        <v>176</v>
      </c>
      <c r="C11" s="4" t="s">
        <v>397</v>
      </c>
    </row>
    <row r="12" spans="1:6" ht="24.95">
      <c r="A12" s="4" t="s">
        <v>398</v>
      </c>
      <c r="B12" t="s">
        <v>159</v>
      </c>
      <c r="C12" s="4" t="s">
        <v>399</v>
      </c>
    </row>
    <row r="13" spans="1:6" ht="24.95">
      <c r="A13" s="4" t="s">
        <v>400</v>
      </c>
      <c r="B13" t="s">
        <v>159</v>
      </c>
      <c r="C13" s="4" t="s">
        <v>401</v>
      </c>
    </row>
    <row r="14" spans="1:6">
      <c r="A14" s="3" t="s">
        <v>402</v>
      </c>
      <c r="B14" t="s">
        <v>159</v>
      </c>
      <c r="C14" s="3" t="s">
        <v>403</v>
      </c>
    </row>
    <row r="15" spans="1:6">
      <c r="A15" s="3" t="s">
        <v>404</v>
      </c>
      <c r="B15" t="s">
        <v>405</v>
      </c>
      <c r="C15" s="3" t="s">
        <v>406</v>
      </c>
    </row>
    <row r="16" spans="1:6" ht="37.5">
      <c r="A16" s="4" t="s">
        <v>396</v>
      </c>
      <c r="B16" t="s">
        <v>176</v>
      </c>
      <c r="C16" s="3" t="s">
        <v>407</v>
      </c>
    </row>
    <row r="17" spans="1:5" ht="24.95">
      <c r="A17" s="4" t="s">
        <v>408</v>
      </c>
      <c r="B17" t="s">
        <v>354</v>
      </c>
      <c r="C17" s="3" t="s">
        <v>409</v>
      </c>
      <c r="E17" s="3" t="s">
        <v>410</v>
      </c>
    </row>
    <row r="18" spans="1:5">
      <c r="D18" t="s">
        <v>383</v>
      </c>
    </row>
    <row r="19" spans="1:5">
      <c r="C19" s="3" t="s">
        <v>411</v>
      </c>
      <c r="D19" t="s">
        <v>412</v>
      </c>
    </row>
    <row r="20" spans="1:5">
      <c r="C20" s="3" t="s">
        <v>413</v>
      </c>
      <c r="D20" t="s">
        <v>414</v>
      </c>
    </row>
    <row r="21" spans="1:5">
      <c r="C21" s="3" t="s">
        <v>415</v>
      </c>
      <c r="D21" t="s">
        <v>416</v>
      </c>
    </row>
    <row r="22" spans="1:5">
      <c r="C22" s="3" t="s">
        <v>417</v>
      </c>
      <c r="D22" t="s">
        <v>418</v>
      </c>
    </row>
    <row r="23" spans="1:5">
      <c r="C23" s="3"/>
    </row>
    <row r="24" spans="1:5" ht="15.6">
      <c r="A24" s="127" t="s">
        <v>419</v>
      </c>
      <c r="B24" s="127"/>
      <c r="C24" s="127"/>
      <c r="D24" s="127"/>
      <c r="E24" s="127"/>
    </row>
    <row r="25" spans="1:5" ht="75">
      <c r="A25" s="4" t="s">
        <v>420</v>
      </c>
      <c r="B25" t="s">
        <v>176</v>
      </c>
      <c r="C25" s="3" t="s">
        <v>421</v>
      </c>
    </row>
    <row r="26" spans="1:5">
      <c r="A26" s="128" t="s">
        <v>422</v>
      </c>
      <c r="B26" s="128"/>
      <c r="C26" s="128"/>
      <c r="D26" s="128"/>
    </row>
  </sheetData>
  <mergeCells count="3">
    <mergeCell ref="A1:F1"/>
    <mergeCell ref="A24:E24"/>
    <mergeCell ref="A26:D26"/>
  </mergeCells>
  <pageMargins left="0.7" right="0.7" top="0.75" bottom="0.75" header="0.3" footer="0.3"/>
  <pageSetup orientation="portrait" horizontalDpi="200" verticalDpi="2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8338D8D-107F-4F8A-B106-B5E670D49375}">
  <dimension ref="A1:F56"/>
  <sheetViews>
    <sheetView topLeftCell="A47" workbookViewId="0">
      <selection activeCell="D10" sqref="D10"/>
    </sheetView>
  </sheetViews>
  <sheetFormatPr defaultRowHeight="14.45"/>
  <cols>
    <col min="1" max="1" width="37" style="7" customWidth="1"/>
    <col min="2" max="2" width="18" customWidth="1"/>
    <col min="3" max="3" width="46" customWidth="1"/>
    <col min="4" max="4" width="29.28515625" customWidth="1"/>
  </cols>
  <sheetData>
    <row r="1" spans="1:6" ht="18.600000000000001">
      <c r="A1" s="73" t="s">
        <v>412</v>
      </c>
      <c r="B1" s="73"/>
      <c r="C1" s="73"/>
      <c r="D1" s="73"/>
      <c r="E1" s="73"/>
      <c r="F1" s="73"/>
    </row>
    <row r="2" spans="1:6">
      <c r="A2" s="66" t="s">
        <v>1</v>
      </c>
      <c r="B2" s="6" t="s">
        <v>2</v>
      </c>
      <c r="C2" s="6" t="s">
        <v>3</v>
      </c>
      <c r="D2" s="6" t="s">
        <v>4</v>
      </c>
    </row>
    <row r="3" spans="1:6">
      <c r="A3" s="4" t="s">
        <v>423</v>
      </c>
      <c r="B3" t="s">
        <v>354</v>
      </c>
      <c r="C3" s="3" t="s">
        <v>424</v>
      </c>
    </row>
    <row r="4" spans="1:6">
      <c r="B4" t="s">
        <v>425</v>
      </c>
      <c r="C4" s="3" t="s">
        <v>426</v>
      </c>
    </row>
    <row r="5" spans="1:6">
      <c r="B5" t="s">
        <v>425</v>
      </c>
      <c r="C5" s="3" t="s">
        <v>427</v>
      </c>
      <c r="D5" t="s">
        <v>153</v>
      </c>
    </row>
    <row r="6" spans="1:6">
      <c r="B6" t="s">
        <v>425</v>
      </c>
      <c r="C6" s="3" t="s">
        <v>428</v>
      </c>
      <c r="D6" t="s">
        <v>155</v>
      </c>
    </row>
    <row r="7" spans="1:6">
      <c r="B7" t="s">
        <v>425</v>
      </c>
      <c r="C7" s="3" t="s">
        <v>429</v>
      </c>
      <c r="D7" t="s">
        <v>307</v>
      </c>
    </row>
    <row r="8" spans="1:6" ht="24.95">
      <c r="A8" s="60" t="s">
        <v>430</v>
      </c>
      <c r="B8" s="61" t="s">
        <v>159</v>
      </c>
      <c r="C8" s="60" t="s">
        <v>431</v>
      </c>
    </row>
    <row r="9" spans="1:6" ht="24.95">
      <c r="A9" s="60" t="s">
        <v>432</v>
      </c>
      <c r="B9" s="61" t="s">
        <v>159</v>
      </c>
      <c r="C9" s="60" t="s">
        <v>433</v>
      </c>
    </row>
    <row r="10" spans="1:6" ht="37.5">
      <c r="A10" s="4" t="s">
        <v>434</v>
      </c>
      <c r="B10" t="s">
        <v>159</v>
      </c>
      <c r="C10" s="4" t="s">
        <v>435</v>
      </c>
    </row>
    <row r="11" spans="1:6" ht="24.95">
      <c r="A11" s="4" t="s">
        <v>436</v>
      </c>
      <c r="B11" t="s">
        <v>159</v>
      </c>
      <c r="C11" s="4" t="s">
        <v>437</v>
      </c>
    </row>
    <row r="12" spans="1:6" ht="62.45">
      <c r="A12" s="4" t="s">
        <v>438</v>
      </c>
      <c r="B12" t="s">
        <v>176</v>
      </c>
      <c r="C12" s="3" t="s">
        <v>439</v>
      </c>
    </row>
    <row r="13" spans="1:6" ht="24.95">
      <c r="A13" s="4" t="s">
        <v>440</v>
      </c>
      <c r="B13" t="s">
        <v>176</v>
      </c>
      <c r="C13" s="3" t="s">
        <v>441</v>
      </c>
    </row>
    <row r="14" spans="1:6">
      <c r="A14" s="4" t="s">
        <v>442</v>
      </c>
      <c r="B14" t="s">
        <v>159</v>
      </c>
      <c r="C14" s="4" t="s">
        <v>443</v>
      </c>
    </row>
    <row r="15" spans="1:6" ht="24.95">
      <c r="A15" s="4" t="s">
        <v>444</v>
      </c>
      <c r="B15" t="s">
        <v>159</v>
      </c>
      <c r="C15" s="4" t="s">
        <v>445</v>
      </c>
    </row>
    <row r="16" spans="1:6">
      <c r="A16" s="4" t="s">
        <v>446</v>
      </c>
      <c r="B16" t="s">
        <v>159</v>
      </c>
      <c r="C16" s="4" t="s">
        <v>447</v>
      </c>
    </row>
    <row r="17" spans="1:4" ht="24.95">
      <c r="A17" s="4" t="s">
        <v>448</v>
      </c>
      <c r="B17" t="s">
        <v>159</v>
      </c>
      <c r="C17" s="4" t="s">
        <v>449</v>
      </c>
    </row>
    <row r="18" spans="1:4" ht="24.95">
      <c r="A18" s="4" t="s">
        <v>450</v>
      </c>
      <c r="B18" t="s">
        <v>159</v>
      </c>
      <c r="C18" s="4" t="s">
        <v>451</v>
      </c>
    </row>
    <row r="19" spans="1:4">
      <c r="A19" s="4" t="s">
        <v>452</v>
      </c>
      <c r="B19" t="s">
        <v>159</v>
      </c>
      <c r="C19" s="4" t="s">
        <v>453</v>
      </c>
    </row>
    <row r="20" spans="1:4" ht="50.1">
      <c r="A20" s="4" t="s">
        <v>454</v>
      </c>
      <c r="B20" t="s">
        <v>159</v>
      </c>
      <c r="C20" s="4" t="s">
        <v>455</v>
      </c>
    </row>
    <row r="21" spans="1:4">
      <c r="A21" s="4" t="s">
        <v>456</v>
      </c>
      <c r="B21" t="s">
        <v>159</v>
      </c>
      <c r="C21" s="4" t="s">
        <v>457</v>
      </c>
    </row>
    <row r="22" spans="1:4" ht="37.5">
      <c r="A22" s="4"/>
      <c r="B22" t="s">
        <v>425</v>
      </c>
      <c r="C22" s="4" t="s">
        <v>458</v>
      </c>
      <c r="D22" s="21">
        <v>8802</v>
      </c>
    </row>
    <row r="23" spans="1:4" ht="24.95">
      <c r="B23" t="s">
        <v>425</v>
      </c>
      <c r="C23" s="4" t="s">
        <v>459</v>
      </c>
      <c r="D23" s="21">
        <v>4401</v>
      </c>
    </row>
    <row r="24" spans="1:4" ht="24.95">
      <c r="A24" s="4" t="s">
        <v>460</v>
      </c>
      <c r="B24" t="s">
        <v>159</v>
      </c>
      <c r="C24" s="4" t="s">
        <v>461</v>
      </c>
    </row>
    <row r="25" spans="1:4" ht="24.95">
      <c r="A25" s="4" t="s">
        <v>462</v>
      </c>
      <c r="B25" t="s">
        <v>159</v>
      </c>
      <c r="C25" s="3" t="s">
        <v>463</v>
      </c>
    </row>
    <row r="26" spans="1:4">
      <c r="A26" s="4" t="s">
        <v>464</v>
      </c>
      <c r="B26" t="s">
        <v>159</v>
      </c>
      <c r="C26" s="3" t="s">
        <v>465</v>
      </c>
    </row>
    <row r="27" spans="1:4" ht="37.5">
      <c r="A27" s="4" t="s">
        <v>466</v>
      </c>
      <c r="B27" t="s">
        <v>159</v>
      </c>
      <c r="C27" s="3" t="s">
        <v>467</v>
      </c>
    </row>
    <row r="28" spans="1:4" ht="37.5">
      <c r="A28" s="4" t="s">
        <v>468</v>
      </c>
      <c r="B28" t="s">
        <v>159</v>
      </c>
      <c r="C28" s="3" t="s">
        <v>469</v>
      </c>
    </row>
    <row r="29" spans="1:4" ht="37.5">
      <c r="A29" s="4" t="s">
        <v>470</v>
      </c>
      <c r="B29" t="s">
        <v>159</v>
      </c>
      <c r="C29" s="3" t="s">
        <v>471</v>
      </c>
    </row>
    <row r="30" spans="1:4" ht="24.95">
      <c r="A30" s="4" t="s">
        <v>472</v>
      </c>
      <c r="B30" t="s">
        <v>159</v>
      </c>
      <c r="C30" s="3" t="s">
        <v>473</v>
      </c>
    </row>
    <row r="31" spans="1:4">
      <c r="A31" s="4" t="s">
        <v>474</v>
      </c>
      <c r="B31" t="s">
        <v>159</v>
      </c>
      <c r="C31" s="3" t="s">
        <v>475</v>
      </c>
    </row>
    <row r="32" spans="1:4" ht="24.95">
      <c r="A32" s="4" t="s">
        <v>476</v>
      </c>
      <c r="B32" t="s">
        <v>159</v>
      </c>
      <c r="C32" s="3" t="s">
        <v>477</v>
      </c>
    </row>
    <row r="33" spans="1:4" ht="24.95">
      <c r="A33" s="4" t="s">
        <v>478</v>
      </c>
      <c r="B33" t="s">
        <v>159</v>
      </c>
      <c r="C33" s="3" t="s">
        <v>479</v>
      </c>
    </row>
    <row r="34" spans="1:4">
      <c r="A34" s="4" t="s">
        <v>480</v>
      </c>
      <c r="B34" t="s">
        <v>159</v>
      </c>
      <c r="C34" s="3" t="s">
        <v>481</v>
      </c>
    </row>
    <row r="35" spans="1:4">
      <c r="A35" s="4" t="s">
        <v>482</v>
      </c>
      <c r="B35" t="s">
        <v>159</v>
      </c>
      <c r="C35" s="3" t="s">
        <v>483</v>
      </c>
    </row>
    <row r="36" spans="1:4" ht="24.95">
      <c r="A36" s="4" t="s">
        <v>484</v>
      </c>
      <c r="B36" t="s">
        <v>159</v>
      </c>
      <c r="C36" s="3" t="s">
        <v>485</v>
      </c>
    </row>
    <row r="37" spans="1:4">
      <c r="A37" s="4" t="s">
        <v>486</v>
      </c>
      <c r="B37" t="s">
        <v>159</v>
      </c>
      <c r="C37" s="3" t="s">
        <v>487</v>
      </c>
    </row>
    <row r="38" spans="1:4">
      <c r="A38" s="4" t="s">
        <v>488</v>
      </c>
      <c r="B38" t="s">
        <v>159</v>
      </c>
      <c r="C38" s="3" t="s">
        <v>489</v>
      </c>
    </row>
    <row r="39" spans="1:4">
      <c r="A39" s="4" t="s">
        <v>490</v>
      </c>
      <c r="B39" t="s">
        <v>159</v>
      </c>
      <c r="C39" s="3" t="s">
        <v>491</v>
      </c>
    </row>
    <row r="40" spans="1:4" ht="24.95">
      <c r="A40" s="4" t="s">
        <v>492</v>
      </c>
      <c r="B40" t="s">
        <v>159</v>
      </c>
      <c r="C40" s="3" t="s">
        <v>493</v>
      </c>
    </row>
    <row r="41" spans="1:4">
      <c r="A41" s="4" t="s">
        <v>494</v>
      </c>
      <c r="B41" t="s">
        <v>159</v>
      </c>
      <c r="C41" s="3" t="s">
        <v>495</v>
      </c>
    </row>
    <row r="42" spans="1:4" ht="37.5">
      <c r="B42" t="s">
        <v>425</v>
      </c>
      <c r="C42" s="4" t="s">
        <v>496</v>
      </c>
      <c r="D42" s="4" t="s">
        <v>496</v>
      </c>
    </row>
    <row r="43" spans="1:4" ht="37.5">
      <c r="B43" t="s">
        <v>425</v>
      </c>
      <c r="C43" s="4" t="s">
        <v>497</v>
      </c>
      <c r="D43" s="4" t="s">
        <v>497</v>
      </c>
    </row>
    <row r="44" spans="1:4">
      <c r="A44" s="4" t="s">
        <v>498</v>
      </c>
      <c r="B44" t="s">
        <v>159</v>
      </c>
      <c r="C44" s="3" t="s">
        <v>499</v>
      </c>
    </row>
    <row r="45" spans="1:4">
      <c r="A45" s="4" t="s">
        <v>500</v>
      </c>
      <c r="B45" t="s">
        <v>159</v>
      </c>
      <c r="C45" s="3" t="s">
        <v>501</v>
      </c>
    </row>
    <row r="46" spans="1:4">
      <c r="A46" s="4" t="s">
        <v>502</v>
      </c>
      <c r="B46" t="s">
        <v>159</v>
      </c>
      <c r="C46" s="3" t="s">
        <v>503</v>
      </c>
    </row>
    <row r="47" spans="1:4" ht="24.95">
      <c r="A47" s="4" t="s">
        <v>504</v>
      </c>
      <c r="B47" t="s">
        <v>159</v>
      </c>
      <c r="C47" s="3" t="s">
        <v>505</v>
      </c>
    </row>
    <row r="48" spans="1:4" ht="24.95">
      <c r="A48" s="4" t="s">
        <v>506</v>
      </c>
      <c r="B48" t="s">
        <v>159</v>
      </c>
      <c r="C48" s="3" t="s">
        <v>507</v>
      </c>
    </row>
    <row r="49" spans="1:4" ht="24.95">
      <c r="A49" s="4" t="s">
        <v>508</v>
      </c>
      <c r="B49" t="s">
        <v>159</v>
      </c>
      <c r="C49" s="3" t="s">
        <v>509</v>
      </c>
    </row>
    <row r="50" spans="1:4" ht="24.95">
      <c r="A50" s="4" t="s">
        <v>510</v>
      </c>
      <c r="B50" t="s">
        <v>159</v>
      </c>
      <c r="C50" s="3" t="s">
        <v>511</v>
      </c>
    </row>
    <row r="51" spans="1:4">
      <c r="B51" t="s">
        <v>425</v>
      </c>
      <c r="C51" s="3" t="s">
        <v>512</v>
      </c>
      <c r="D51">
        <v>7</v>
      </c>
    </row>
    <row r="52" spans="1:4">
      <c r="B52" t="s">
        <v>425</v>
      </c>
      <c r="C52" s="3" t="s">
        <v>513</v>
      </c>
      <c r="D52">
        <v>14</v>
      </c>
    </row>
    <row r="53" spans="1:4">
      <c r="B53" t="s">
        <v>425</v>
      </c>
      <c r="C53" s="3" t="s">
        <v>514</v>
      </c>
      <c r="D53">
        <v>21</v>
      </c>
    </row>
    <row r="54" spans="1:4">
      <c r="B54" t="s">
        <v>425</v>
      </c>
      <c r="C54" s="3" t="s">
        <v>515</v>
      </c>
      <c r="D54">
        <v>28</v>
      </c>
    </row>
    <row r="55" spans="1:4">
      <c r="B55" t="s">
        <v>159</v>
      </c>
      <c r="C55" s="3" t="s">
        <v>516</v>
      </c>
    </row>
    <row r="56" spans="1:4" ht="43.5">
      <c r="A56" s="65" t="s">
        <v>517</v>
      </c>
      <c r="B56" s="63" t="s">
        <v>7</v>
      </c>
      <c r="C56" s="64" t="s">
        <v>518</v>
      </c>
    </row>
  </sheetData>
  <mergeCells count="1">
    <mergeCell ref="A1:F1"/>
  </mergeCells>
  <pageMargins left="0.7" right="0.7" top="0.75" bottom="0.75" header="0.3" footer="0.3"/>
  <pageSetup orientation="portrait" horizontalDpi="200" verticalDpi="2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1CB024-53BE-4902-A715-39DA997E567C}">
  <dimension ref="A1:F31"/>
  <sheetViews>
    <sheetView topLeftCell="A16" workbookViewId="0">
      <selection activeCell="A29" sqref="A29"/>
    </sheetView>
  </sheetViews>
  <sheetFormatPr defaultRowHeight="14.45"/>
  <cols>
    <col min="1" max="1" width="39" customWidth="1"/>
    <col min="2" max="2" width="21" customWidth="1"/>
    <col min="3" max="3" width="28.85546875" customWidth="1"/>
    <col min="4" max="4" width="18.140625" customWidth="1"/>
  </cols>
  <sheetData>
    <row r="1" spans="1:6" ht="18.600000000000001">
      <c r="A1" s="73" t="s">
        <v>519</v>
      </c>
      <c r="B1" s="73"/>
      <c r="C1" s="73"/>
      <c r="D1" s="73"/>
      <c r="E1" s="73"/>
      <c r="F1" s="73"/>
    </row>
    <row r="2" spans="1:6">
      <c r="A2" s="6" t="s">
        <v>1</v>
      </c>
      <c r="B2" s="6" t="s">
        <v>2</v>
      </c>
      <c r="C2" s="6" t="s">
        <v>3</v>
      </c>
      <c r="D2" s="6" t="s">
        <v>4</v>
      </c>
    </row>
    <row r="3" spans="1:6" ht="24.95">
      <c r="A3" s="4" t="s">
        <v>520</v>
      </c>
      <c r="B3" s="3" t="s">
        <v>521</v>
      </c>
      <c r="C3" s="3" t="s">
        <v>522</v>
      </c>
    </row>
    <row r="4" spans="1:6" ht="24.95">
      <c r="A4" s="4" t="s">
        <v>523</v>
      </c>
      <c r="B4" s="3" t="s">
        <v>521</v>
      </c>
      <c r="C4" s="3" t="s">
        <v>524</v>
      </c>
    </row>
    <row r="5" spans="1:6" ht="37.5">
      <c r="A5" s="4" t="s">
        <v>525</v>
      </c>
      <c r="B5" s="3" t="s">
        <v>526</v>
      </c>
      <c r="C5" s="3" t="s">
        <v>527</v>
      </c>
    </row>
    <row r="6" spans="1:6" ht="24.95">
      <c r="A6" s="4" t="s">
        <v>528</v>
      </c>
      <c r="B6" s="3" t="s">
        <v>526</v>
      </c>
      <c r="C6" s="3" t="s">
        <v>527</v>
      </c>
    </row>
    <row r="7" spans="1:6" ht="24.95">
      <c r="A7" s="4" t="s">
        <v>529</v>
      </c>
      <c r="B7" s="3" t="s">
        <v>526</v>
      </c>
      <c r="C7" s="3" t="s">
        <v>530</v>
      </c>
    </row>
    <row r="8" spans="1:6" ht="24.95">
      <c r="A8" s="4" t="s">
        <v>531</v>
      </c>
      <c r="B8" s="3" t="s">
        <v>526</v>
      </c>
      <c r="C8" s="3" t="s">
        <v>527</v>
      </c>
    </row>
    <row r="9" spans="1:6" ht="62.45">
      <c r="A9" s="4" t="s">
        <v>532</v>
      </c>
      <c r="B9" s="3" t="s">
        <v>526</v>
      </c>
      <c r="C9" s="3" t="s">
        <v>533</v>
      </c>
    </row>
    <row r="10" spans="1:6" ht="50.1">
      <c r="A10" s="4" t="s">
        <v>534</v>
      </c>
      <c r="B10" s="3" t="s">
        <v>526</v>
      </c>
      <c r="C10" s="3" t="s">
        <v>533</v>
      </c>
    </row>
    <row r="11" spans="1:6" ht="37.5">
      <c r="A11" s="4" t="s">
        <v>535</v>
      </c>
      <c r="B11" s="3" t="s">
        <v>526</v>
      </c>
      <c r="C11" s="3" t="s">
        <v>533</v>
      </c>
    </row>
    <row r="12" spans="1:6" ht="37.5">
      <c r="A12" s="4" t="s">
        <v>536</v>
      </c>
      <c r="B12" s="3" t="s">
        <v>526</v>
      </c>
      <c r="C12" s="3" t="s">
        <v>533</v>
      </c>
    </row>
    <row r="13" spans="1:6" ht="24.95">
      <c r="A13" s="4" t="s">
        <v>529</v>
      </c>
      <c r="B13" s="3" t="s">
        <v>526</v>
      </c>
      <c r="C13" s="3" t="s">
        <v>537</v>
      </c>
    </row>
    <row r="14" spans="1:6" ht="24.95">
      <c r="A14" s="4" t="s">
        <v>531</v>
      </c>
      <c r="B14" s="3" t="s">
        <v>526</v>
      </c>
      <c r="C14" s="3" t="s">
        <v>533</v>
      </c>
    </row>
    <row r="15" spans="1:6" ht="50.1">
      <c r="A15" s="4" t="s">
        <v>538</v>
      </c>
      <c r="B15" s="3" t="s">
        <v>526</v>
      </c>
      <c r="C15" s="3" t="s">
        <v>539</v>
      </c>
    </row>
    <row r="16" spans="1:6" ht="24.95">
      <c r="A16" s="4" t="s">
        <v>540</v>
      </c>
      <c r="B16" s="3" t="s">
        <v>526</v>
      </c>
      <c r="C16" s="3" t="s">
        <v>539</v>
      </c>
    </row>
    <row r="17" spans="1:3" ht="24.95">
      <c r="A17" s="4" t="s">
        <v>529</v>
      </c>
      <c r="B17" s="3" t="s">
        <v>526</v>
      </c>
      <c r="C17" s="3" t="s">
        <v>539</v>
      </c>
    </row>
    <row r="18" spans="1:3" ht="24.95">
      <c r="A18" s="4" t="s">
        <v>531</v>
      </c>
      <c r="B18" s="3" t="s">
        <v>526</v>
      </c>
      <c r="C18" s="3" t="s">
        <v>539</v>
      </c>
    </row>
    <row r="19" spans="1:3" ht="37.5">
      <c r="A19" s="4" t="s">
        <v>541</v>
      </c>
      <c r="B19" s="3" t="s">
        <v>526</v>
      </c>
      <c r="C19" s="3" t="s">
        <v>542</v>
      </c>
    </row>
    <row r="20" spans="1:3" ht="24.95">
      <c r="A20" s="4" t="s">
        <v>543</v>
      </c>
      <c r="B20" s="3" t="s">
        <v>526</v>
      </c>
      <c r="C20" s="3" t="s">
        <v>542</v>
      </c>
    </row>
    <row r="21" spans="1:3" ht="24.95">
      <c r="A21" s="4" t="s">
        <v>529</v>
      </c>
      <c r="B21" s="3" t="s">
        <v>526</v>
      </c>
      <c r="C21" s="3" t="s">
        <v>542</v>
      </c>
    </row>
    <row r="22" spans="1:3" ht="24.95">
      <c r="A22" s="4" t="s">
        <v>531</v>
      </c>
      <c r="B22" s="3" t="s">
        <v>526</v>
      </c>
      <c r="C22" s="3" t="s">
        <v>542</v>
      </c>
    </row>
    <row r="23" spans="1:3" ht="50.1">
      <c r="A23" s="4" t="s">
        <v>544</v>
      </c>
      <c r="B23" s="3" t="s">
        <v>526</v>
      </c>
      <c r="C23" s="3" t="s">
        <v>545</v>
      </c>
    </row>
    <row r="24" spans="1:3" ht="24.95">
      <c r="A24" s="4" t="s">
        <v>546</v>
      </c>
      <c r="B24" s="3" t="s">
        <v>526</v>
      </c>
      <c r="C24" s="3" t="s">
        <v>545</v>
      </c>
    </row>
    <row r="25" spans="1:3" ht="24.95">
      <c r="A25" s="4" t="s">
        <v>529</v>
      </c>
      <c r="B25" s="3" t="s">
        <v>526</v>
      </c>
      <c r="C25" s="3" t="s">
        <v>545</v>
      </c>
    </row>
    <row r="26" spans="1:3" ht="24.95">
      <c r="A26" s="4" t="s">
        <v>531</v>
      </c>
      <c r="B26" s="3" t="s">
        <v>526</v>
      </c>
      <c r="C26" s="3" t="s">
        <v>545</v>
      </c>
    </row>
    <row r="27" spans="1:3">
      <c r="A27" s="3" t="s">
        <v>547</v>
      </c>
      <c r="B27" s="3" t="s">
        <v>548</v>
      </c>
      <c r="C27" s="3" t="s">
        <v>549</v>
      </c>
    </row>
    <row r="28" spans="1:3">
      <c r="A28" s="3" t="s">
        <v>550</v>
      </c>
      <c r="B28" s="3" t="s">
        <v>548</v>
      </c>
      <c r="C28" s="3" t="s">
        <v>551</v>
      </c>
    </row>
    <row r="29" spans="1:3">
      <c r="A29" s="3" t="s">
        <v>552</v>
      </c>
      <c r="B29" s="3" t="s">
        <v>553</v>
      </c>
      <c r="C29" s="3" t="s">
        <v>554</v>
      </c>
    </row>
    <row r="30" spans="1:3" ht="24.95">
      <c r="A30" s="4" t="s">
        <v>555</v>
      </c>
      <c r="B30" s="3" t="s">
        <v>553</v>
      </c>
      <c r="C30" s="3" t="s">
        <v>556</v>
      </c>
    </row>
    <row r="31" spans="1:3" ht="24.95">
      <c r="A31" s="4" t="s">
        <v>557</v>
      </c>
      <c r="B31" s="3" t="s">
        <v>553</v>
      </c>
      <c r="C31" s="3" t="s">
        <v>558</v>
      </c>
    </row>
  </sheetData>
  <mergeCells count="1">
    <mergeCell ref="A1:F1"/>
  </mergeCells>
  <pageMargins left="0.7" right="0.7" top="0.75" bottom="0.75" header="0.3" footer="0.3"/>
  <pageSetup orientation="portrait" horizontalDpi="300" verticalDpi="0" copies="0"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F9104C-782F-4F97-8490-A972C92F57ED}">
  <dimension ref="A1:F39"/>
  <sheetViews>
    <sheetView workbookViewId="0">
      <selection activeCell="G5" sqref="G5"/>
    </sheetView>
  </sheetViews>
  <sheetFormatPr defaultRowHeight="14.45"/>
  <cols>
    <col min="1" max="1" width="35.7109375" customWidth="1"/>
    <col min="2" max="2" width="18.28515625" customWidth="1"/>
    <col min="3" max="3" width="47.5703125" customWidth="1"/>
    <col min="4" max="4" width="13.28515625" customWidth="1"/>
  </cols>
  <sheetData>
    <row r="1" spans="1:6" ht="18.600000000000001">
      <c r="A1" s="73" t="s">
        <v>559</v>
      </c>
      <c r="B1" s="73"/>
      <c r="C1" s="73"/>
      <c r="D1" s="73"/>
      <c r="E1" s="73"/>
      <c r="F1" s="73"/>
    </row>
    <row r="2" spans="1:6">
      <c r="A2" s="6" t="s">
        <v>1</v>
      </c>
      <c r="B2" s="6" t="s">
        <v>2</v>
      </c>
      <c r="C2" s="6" t="s">
        <v>3</v>
      </c>
      <c r="D2" s="6" t="s">
        <v>4</v>
      </c>
    </row>
    <row r="3" spans="1:6" ht="43.5">
      <c r="A3" s="7" t="s">
        <v>560</v>
      </c>
      <c r="B3" t="s">
        <v>176</v>
      </c>
      <c r="C3" s="19" t="s">
        <v>561</v>
      </c>
    </row>
    <row r="4" spans="1:6" ht="57.95">
      <c r="A4" s="7" t="s">
        <v>562</v>
      </c>
      <c r="B4" t="s">
        <v>176</v>
      </c>
      <c r="C4" t="s">
        <v>563</v>
      </c>
    </row>
    <row r="5" spans="1:6">
      <c r="A5" t="s">
        <v>564</v>
      </c>
      <c r="B5" t="s">
        <v>354</v>
      </c>
      <c r="C5" t="s">
        <v>565</v>
      </c>
    </row>
    <row r="6" spans="1:6">
      <c r="C6" t="s">
        <v>566</v>
      </c>
    </row>
    <row r="7" spans="1:6">
      <c r="A7" s="18" t="s">
        <v>567</v>
      </c>
      <c r="B7" t="s">
        <v>354</v>
      </c>
      <c r="C7" t="s">
        <v>568</v>
      </c>
    </row>
    <row r="8" spans="1:6">
      <c r="B8" t="s">
        <v>14</v>
      </c>
      <c r="C8" t="s">
        <v>426</v>
      </c>
      <c r="D8" t="b">
        <v>1</v>
      </c>
    </row>
    <row r="9" spans="1:6">
      <c r="B9" t="s">
        <v>14</v>
      </c>
      <c r="C9" t="s">
        <v>152</v>
      </c>
      <c r="D9" t="s">
        <v>189</v>
      </c>
    </row>
    <row r="10" spans="1:6">
      <c r="B10" t="s">
        <v>14</v>
      </c>
      <c r="C10" t="s">
        <v>569</v>
      </c>
      <c r="D10" t="s">
        <v>190</v>
      </c>
    </row>
    <row r="11" spans="1:6">
      <c r="B11" t="s">
        <v>14</v>
      </c>
      <c r="C11" t="s">
        <v>570</v>
      </c>
      <c r="D11" t="s">
        <v>571</v>
      </c>
    </row>
    <row r="12" spans="1:6">
      <c r="B12" t="s">
        <v>14</v>
      </c>
      <c r="C12" t="s">
        <v>572</v>
      </c>
      <c r="D12" t="s">
        <v>573</v>
      </c>
    </row>
    <row r="13" spans="1:6">
      <c r="B13" t="s">
        <v>14</v>
      </c>
      <c r="C13" t="s">
        <v>429</v>
      </c>
      <c r="D13" t="s">
        <v>299</v>
      </c>
    </row>
    <row r="14" spans="1:6" ht="29.1">
      <c r="A14" s="7" t="s">
        <v>574</v>
      </c>
      <c r="B14" t="s">
        <v>159</v>
      </c>
      <c r="C14" t="s">
        <v>575</v>
      </c>
    </row>
    <row r="15" spans="1:6" ht="29.1">
      <c r="A15" s="7" t="s">
        <v>569</v>
      </c>
      <c r="B15" t="s">
        <v>159</v>
      </c>
      <c r="C15" t="s">
        <v>576</v>
      </c>
    </row>
    <row r="16" spans="1:6" ht="57.95">
      <c r="A16" s="7" t="s">
        <v>577</v>
      </c>
      <c r="B16" t="s">
        <v>159</v>
      </c>
      <c r="C16" t="s">
        <v>578</v>
      </c>
    </row>
    <row r="17" spans="1:3" ht="29.1">
      <c r="A17" s="7" t="s">
        <v>579</v>
      </c>
      <c r="B17" t="s">
        <v>159</v>
      </c>
      <c r="C17" t="s">
        <v>580</v>
      </c>
    </row>
    <row r="18" spans="1:3" ht="29.1">
      <c r="A18" s="7" t="s">
        <v>581</v>
      </c>
      <c r="B18" t="s">
        <v>159</v>
      </c>
      <c r="C18" t="s">
        <v>582</v>
      </c>
    </row>
    <row r="19" spans="1:3">
      <c r="A19" t="s">
        <v>583</v>
      </c>
      <c r="B19" t="s">
        <v>159</v>
      </c>
      <c r="C19" t="s">
        <v>584</v>
      </c>
    </row>
    <row r="20" spans="1:3" ht="29.1">
      <c r="A20" s="7" t="s">
        <v>585</v>
      </c>
      <c r="B20" t="s">
        <v>159</v>
      </c>
      <c r="C20" t="s">
        <v>586</v>
      </c>
    </row>
    <row r="21" spans="1:3">
      <c r="A21" t="s">
        <v>587</v>
      </c>
      <c r="B21" t="s">
        <v>159</v>
      </c>
      <c r="C21" t="s">
        <v>588</v>
      </c>
    </row>
    <row r="22" spans="1:3" ht="29.1">
      <c r="A22" s="7" t="s">
        <v>589</v>
      </c>
      <c r="B22" t="s">
        <v>159</v>
      </c>
      <c r="C22" t="s">
        <v>590</v>
      </c>
    </row>
    <row r="23" spans="1:3">
      <c r="A23" t="s">
        <v>591</v>
      </c>
      <c r="B23" t="s">
        <v>159</v>
      </c>
      <c r="C23" t="s">
        <v>592</v>
      </c>
    </row>
    <row r="24" spans="1:3" ht="29.1">
      <c r="A24" s="7" t="s">
        <v>440</v>
      </c>
      <c r="B24" t="s">
        <v>176</v>
      </c>
      <c r="C24" t="s">
        <v>593</v>
      </c>
    </row>
    <row r="25" spans="1:3">
      <c r="A25" t="s">
        <v>594</v>
      </c>
      <c r="B25" t="s">
        <v>176</v>
      </c>
      <c r="C25" t="s">
        <v>595</v>
      </c>
    </row>
    <row r="26" spans="1:3">
      <c r="A26" t="s">
        <v>596</v>
      </c>
      <c r="B26" t="s">
        <v>176</v>
      </c>
      <c r="C26" t="s">
        <v>597</v>
      </c>
    </row>
    <row r="27" spans="1:3">
      <c r="A27" t="s">
        <v>598</v>
      </c>
      <c r="B27" t="s">
        <v>176</v>
      </c>
      <c r="C27" t="s">
        <v>599</v>
      </c>
    </row>
    <row r="28" spans="1:3">
      <c r="A28" t="s">
        <v>596</v>
      </c>
      <c r="B28" t="s">
        <v>176</v>
      </c>
      <c r="C28" t="s">
        <v>600</v>
      </c>
    </row>
    <row r="29" spans="1:3">
      <c r="A29" t="s">
        <v>601</v>
      </c>
      <c r="B29" t="s">
        <v>159</v>
      </c>
      <c r="C29" t="s">
        <v>602</v>
      </c>
    </row>
    <row r="30" spans="1:3">
      <c r="A30" t="s">
        <v>603</v>
      </c>
      <c r="B30" t="s">
        <v>159</v>
      </c>
      <c r="C30" t="s">
        <v>604</v>
      </c>
    </row>
    <row r="31" spans="1:3" ht="29.1">
      <c r="A31" s="7" t="s">
        <v>605</v>
      </c>
      <c r="B31" t="s">
        <v>159</v>
      </c>
      <c r="C31" t="s">
        <v>606</v>
      </c>
    </row>
    <row r="32" spans="1:3" ht="29.1">
      <c r="A32" s="7" t="s">
        <v>607</v>
      </c>
      <c r="B32" s="7" t="s">
        <v>354</v>
      </c>
      <c r="C32" t="s">
        <v>608</v>
      </c>
    </row>
    <row r="33" spans="1:3" ht="29.1">
      <c r="A33" s="7" t="s">
        <v>607</v>
      </c>
      <c r="B33" t="s">
        <v>159</v>
      </c>
      <c r="C33" t="s">
        <v>609</v>
      </c>
    </row>
    <row r="34" spans="1:3" ht="29.1">
      <c r="A34" s="7" t="s">
        <v>610</v>
      </c>
      <c r="B34" t="s">
        <v>159</v>
      </c>
      <c r="C34" t="s">
        <v>611</v>
      </c>
    </row>
    <row r="35" spans="1:3" ht="29.1">
      <c r="A35" s="7" t="s">
        <v>612</v>
      </c>
      <c r="B35" t="s">
        <v>159</v>
      </c>
      <c r="C35" t="s">
        <v>613</v>
      </c>
    </row>
    <row r="36" spans="1:3" ht="29.1">
      <c r="A36" s="7" t="s">
        <v>614</v>
      </c>
      <c r="B36" t="s">
        <v>159</v>
      </c>
      <c r="C36" t="s">
        <v>615</v>
      </c>
    </row>
    <row r="37" spans="1:3" ht="29.1">
      <c r="A37" s="7" t="s">
        <v>616</v>
      </c>
      <c r="B37" t="s">
        <v>159</v>
      </c>
      <c r="C37" t="s">
        <v>617</v>
      </c>
    </row>
    <row r="38" spans="1:3" ht="29.1">
      <c r="A38" s="7" t="s">
        <v>618</v>
      </c>
      <c r="B38" t="s">
        <v>159</v>
      </c>
      <c r="C38" t="s">
        <v>619</v>
      </c>
    </row>
    <row r="39" spans="1:3">
      <c r="A39" s="7" t="s">
        <v>620</v>
      </c>
      <c r="B39" t="s">
        <v>159</v>
      </c>
      <c r="C39" t="s">
        <v>621</v>
      </c>
    </row>
  </sheetData>
  <mergeCells count="1">
    <mergeCell ref="A1:F1"/>
  </mergeCells>
  <pageMargins left="0.7" right="0.7" top="0.75" bottom="0.75" header="0.3" footer="0.3"/>
  <pageSetup orientation="portrait" horizontalDpi="300" verticalDpi="0" copies="0"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C29DB6BBD518A44A528B2B421753B7C" ma:contentTypeVersion="5" ma:contentTypeDescription="Create a new document." ma:contentTypeScope="" ma:versionID="03f78132edead79547d080a4e752c740">
  <xsd:schema xmlns:xsd="http://www.w3.org/2001/XMLSchema" xmlns:xs="http://www.w3.org/2001/XMLSchema" xmlns:p="http://schemas.microsoft.com/office/2006/metadata/properties" xmlns:ns3="88db8d54-31ad-4989-a59c-1da64d91e19c" xmlns:ns4="49015f09-86ca-4cc7-b638-c2cdefff3811" targetNamespace="http://schemas.microsoft.com/office/2006/metadata/properties" ma:root="true" ma:fieldsID="c6302befaecd669801e708b00b7c4183" ns3:_="" ns4:_="">
    <xsd:import namespace="88db8d54-31ad-4989-a59c-1da64d91e19c"/>
    <xsd:import namespace="49015f09-86ca-4cc7-b638-c2cdefff3811"/>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8db8d54-31ad-4989-a59c-1da64d91e19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49015f09-86ca-4cc7-b638-c2cdefff3811"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18869A8-41A7-4483-9030-C5233D5E338E}"/>
</file>

<file path=customXml/itemProps2.xml><?xml version="1.0" encoding="utf-8"?>
<ds:datastoreItem xmlns:ds="http://schemas.openxmlformats.org/officeDocument/2006/customXml" ds:itemID="{EACD35B6-583B-4CEB-AB95-D816A9BC431F}"/>
</file>

<file path=customXml/itemProps3.xml><?xml version="1.0" encoding="utf-8"?>
<ds:datastoreItem xmlns:ds="http://schemas.openxmlformats.org/officeDocument/2006/customXml" ds:itemID="{01982A0B-6B2E-4993-8C7A-B3FD5AAEF0AE}"/>
</file>

<file path=docProps/app.xml><?xml version="1.0" encoding="utf-8"?>
<Properties xmlns="http://schemas.openxmlformats.org/officeDocument/2006/extended-properties" xmlns:vt="http://schemas.openxmlformats.org/officeDocument/2006/docPropsVTypes">
  <Application>Microsoft Excel Online</Application>
  <Manager/>
  <Company/>
  <HyperlinkBase/>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elletier, Stephanie</dc:creator>
  <cp:keywords/>
  <dc:description/>
  <cp:lastModifiedBy/>
  <cp:revision/>
  <dcterms:created xsi:type="dcterms:W3CDTF">2018-12-13T14:34:34Z</dcterms:created>
  <dcterms:modified xsi:type="dcterms:W3CDTF">2020-02-14T03:28:44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C29DB6BBD518A44A528B2B421753B7C</vt:lpwstr>
  </property>
</Properties>
</file>